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01共通\05諸務\33ブールバール広場等運営等\04_広場レイアウト平面図\"/>
    </mc:Choice>
  </mc:AlternateContent>
  <bookViews>
    <workbookView xWindow="0" yWindow="0" windowWidth="18120" windowHeight="9000"/>
  </bookViews>
  <sheets>
    <sheet name="Sheet1" sheetId="1" r:id="rId1"/>
  </sheets>
  <definedNames>
    <definedName name="_xlnm.Print_Area" localSheetId="0">Sheet1!$A$1:$BO$2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 uniqueCount="2">
  <si>
    <t>富山市ブールバール広場等条例
申請レイアウト作成用</t>
    <rPh sb="0" eb="3">
      <t>トヤマシ</t>
    </rPh>
    <rPh sb="9" eb="11">
      <t>ヒロバ</t>
    </rPh>
    <rPh sb="11" eb="12">
      <t>トウ</t>
    </rPh>
    <rPh sb="12" eb="14">
      <t>ジョウレイ</t>
    </rPh>
    <rPh sb="15" eb="17">
      <t>シンセイ</t>
    </rPh>
    <rPh sb="22" eb="24">
      <t>サクセイ</t>
    </rPh>
    <rPh sb="24" eb="25">
      <t>ヨウ</t>
    </rPh>
    <phoneticPr fontId="1"/>
  </si>
  <si>
    <t>ブールバール広場　C　レイアウト作成図</t>
    <rPh sb="6" eb="8">
      <t>ヒロバ</t>
    </rPh>
    <rPh sb="16" eb="18">
      <t>サクセイ</t>
    </rPh>
    <rPh sb="18" eb="19">
      <t>ズ</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x14ac:knownFonts="1">
    <font>
      <sz val="11"/>
      <color theme="1"/>
      <name val="ＭＳ Ｐゴシック"/>
      <family val="2"/>
      <charset val="128"/>
      <scheme val="minor"/>
    </font>
    <font>
      <sz val="6"/>
      <name val="ＭＳ Ｐゴシック"/>
      <family val="2"/>
      <charset val="128"/>
      <scheme val="minor"/>
    </font>
    <font>
      <sz val="16"/>
      <color theme="1"/>
      <name val="HGPｺﾞｼｯｸM"/>
      <family val="3"/>
      <charset val="128"/>
    </font>
    <font>
      <sz val="9"/>
      <color theme="1"/>
      <name val="HGPｺﾞｼｯｸM"/>
      <family val="3"/>
      <charset val="128"/>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4">
    <xf numFmtId="0" fontId="0" fillId="0" borderId="0" xfId="0">
      <alignment vertical="center"/>
    </xf>
    <xf numFmtId="0" fontId="3" fillId="0" borderId="0" xfId="0" applyFont="1" applyAlignment="1">
      <alignment horizontal="right" vertical="center" wrapText="1" indent="1"/>
    </xf>
    <xf numFmtId="0" fontId="3" fillId="0" borderId="0" xfId="0" applyFont="1" applyAlignment="1">
      <alignment horizontal="right" vertical="center" indent="1"/>
    </xf>
    <xf numFmtId="0" fontId="2" fillId="0" borderId="0" xfId="0" applyFont="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3</xdr:col>
      <xdr:colOff>138451</xdr:colOff>
      <xdr:row>4</xdr:row>
      <xdr:rowOff>105222</xdr:rowOff>
    </xdr:from>
    <xdr:to>
      <xdr:col>51</xdr:col>
      <xdr:colOff>44799</xdr:colOff>
      <xdr:row>18</xdr:row>
      <xdr:rowOff>48704</xdr:rowOff>
    </xdr:to>
    <xdr:pic>
      <xdr:nvPicPr>
        <xdr:cNvPr id="3" name="図 2"/>
        <xdr:cNvPicPr>
          <a:picLocks noChangeAspect="1"/>
        </xdr:cNvPicPr>
      </xdr:nvPicPr>
      <xdr:blipFill>
        <a:blip xmlns:r="http://schemas.openxmlformats.org/officeDocument/2006/relationships" r:embed="rId1"/>
        <a:stretch>
          <a:fillRect/>
        </a:stretch>
      </xdr:blipFill>
      <xdr:spPr>
        <a:xfrm>
          <a:off x="620239" y="681152"/>
          <a:ext cx="7614952" cy="1959238"/>
        </a:xfrm>
        <a:prstGeom prst="rect">
          <a:avLst/>
        </a:prstGeom>
      </xdr:spPr>
    </xdr:pic>
    <xdr:clientData/>
  </xdr:twoCellAnchor>
  <xdr:twoCellAnchor>
    <xdr:from>
      <xdr:col>54</xdr:col>
      <xdr:colOff>89859</xdr:colOff>
      <xdr:row>39</xdr:row>
      <xdr:rowOff>8985</xdr:rowOff>
    </xdr:from>
    <xdr:to>
      <xdr:col>66</xdr:col>
      <xdr:colOff>26956</xdr:colOff>
      <xdr:row>44</xdr:row>
      <xdr:rowOff>87586</xdr:rowOff>
    </xdr:to>
    <xdr:sp macro="" textlink="">
      <xdr:nvSpPr>
        <xdr:cNvPr id="15" name="テキスト ボックス 14"/>
        <xdr:cNvSpPr txBox="1"/>
      </xdr:nvSpPr>
      <xdr:spPr>
        <a:xfrm>
          <a:off x="7775549" y="5559761"/>
          <a:ext cx="1645028" cy="790239"/>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900">
              <a:latin typeface="HGPｺﾞｼｯｸM" panose="020B0600000000000000" pitchFamily="50" charset="-128"/>
              <a:ea typeface="HGPｺﾞｼｯｸM" panose="020B0600000000000000" pitchFamily="50" charset="-128"/>
            </a:rPr>
            <a:t>配置用</a:t>
          </a:r>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800">
              <a:latin typeface="HGPｺﾞｼｯｸM" panose="020B0600000000000000" pitchFamily="50" charset="-128"/>
              <a:ea typeface="HGPｺﾞｼｯｸM" panose="020B0600000000000000" pitchFamily="50" charset="-128"/>
            </a:rPr>
            <a:t>サイズを変えず使用してください</a:t>
          </a:r>
          <a:endParaRPr kumimoji="1" lang="en-US" altLang="ja-JP" sz="800">
            <a:latin typeface="HGPｺﾞｼｯｸM" panose="020B0600000000000000" pitchFamily="50" charset="-128"/>
            <a:ea typeface="HGPｺﾞｼｯｸM" panose="020B0600000000000000" pitchFamily="50" charset="-128"/>
          </a:endParaRPr>
        </a:p>
        <a:p>
          <a:pPr algn="l"/>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900">
              <a:latin typeface="HGPｺﾞｼｯｸM" panose="020B0600000000000000" pitchFamily="50" charset="-128"/>
              <a:ea typeface="HGPｺﾞｼｯｸM" panose="020B0600000000000000" pitchFamily="50" charset="-128"/>
            </a:rPr>
            <a:t>　　　　・・・テント（</a:t>
          </a:r>
          <a:r>
            <a:rPr kumimoji="1" lang="en-US" altLang="ja-JP" sz="900">
              <a:latin typeface="HGPｺﾞｼｯｸM" panose="020B0600000000000000" pitchFamily="50" charset="-128"/>
              <a:ea typeface="HGPｺﾞｼｯｸM" panose="020B0600000000000000" pitchFamily="50" charset="-128"/>
            </a:rPr>
            <a:t>3.6m×5.4m</a:t>
          </a:r>
          <a:r>
            <a:rPr kumimoji="1" lang="ja-JP" altLang="en-US" sz="900">
              <a:latin typeface="HGPｺﾞｼｯｸM" panose="020B0600000000000000" pitchFamily="50" charset="-128"/>
              <a:ea typeface="HGPｺﾞｼｯｸM" panose="020B0600000000000000" pitchFamily="50" charset="-128"/>
            </a:rPr>
            <a:t>）</a:t>
          </a:r>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900">
              <a:latin typeface="HGPｺﾞｼｯｸM" panose="020B0600000000000000" pitchFamily="50" charset="-128"/>
              <a:ea typeface="HGPｺﾞｼｯｸM" panose="020B0600000000000000" pitchFamily="50" charset="-128"/>
            </a:rPr>
            <a:t>　</a:t>
          </a:r>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900">
              <a:latin typeface="HGPｺﾞｼｯｸM" panose="020B0600000000000000" pitchFamily="50" charset="-128"/>
              <a:ea typeface="HGPｺﾞｼｯｸM" panose="020B0600000000000000" pitchFamily="50" charset="-128"/>
            </a:rPr>
            <a:t>　　　</a:t>
          </a:r>
        </a:p>
      </xdr:txBody>
    </xdr:sp>
    <xdr:clientData/>
  </xdr:twoCellAnchor>
  <xdr:twoCellAnchor>
    <xdr:from>
      <xdr:col>0</xdr:col>
      <xdr:colOff>88605</xdr:colOff>
      <xdr:row>2</xdr:row>
      <xdr:rowOff>128728</xdr:rowOff>
    </xdr:from>
    <xdr:to>
      <xdr:col>66</xdr:col>
      <xdr:colOff>55378</xdr:colOff>
      <xdr:row>2</xdr:row>
      <xdr:rowOff>128728</xdr:rowOff>
    </xdr:to>
    <xdr:cxnSp macro="">
      <xdr:nvCxnSpPr>
        <xdr:cNvPr id="7" name="直線コネクタ 6"/>
        <xdr:cNvCxnSpPr/>
      </xdr:nvCxnSpPr>
      <xdr:spPr>
        <a:xfrm>
          <a:off x="88605" y="416275"/>
          <a:ext cx="9455830" cy="0"/>
        </a:xfrm>
        <a:prstGeom prst="line">
          <a:avLst/>
        </a:prstGeom>
        <a:ln w="9525">
          <a:solidFill>
            <a:sysClr val="windowText" lastClr="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5</xdr:col>
      <xdr:colOff>120977</xdr:colOff>
      <xdr:row>42</xdr:row>
      <xdr:rowOff>64984</xdr:rowOff>
    </xdr:from>
    <xdr:to>
      <xdr:col>57</xdr:col>
      <xdr:colOff>12052</xdr:colOff>
      <xdr:row>43</xdr:row>
      <xdr:rowOff>31562</xdr:rowOff>
    </xdr:to>
    <xdr:sp macro="" textlink="">
      <xdr:nvSpPr>
        <xdr:cNvPr id="11" name="正方形/長方形 10"/>
        <xdr:cNvSpPr/>
      </xdr:nvSpPr>
      <xdr:spPr>
        <a:xfrm>
          <a:off x="8028524" y="6103475"/>
          <a:ext cx="178622" cy="110351"/>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oneCellAnchor>
    <xdr:from>
      <xdr:col>25</xdr:col>
      <xdr:colOff>95858</xdr:colOff>
      <xdr:row>9</xdr:row>
      <xdr:rowOff>40337</xdr:rowOff>
    </xdr:from>
    <xdr:ext cx="813043" cy="209032"/>
    <xdr:sp macro="" textlink="">
      <xdr:nvSpPr>
        <xdr:cNvPr id="14" name="テキスト ボックス 13"/>
        <xdr:cNvSpPr txBox="1"/>
      </xdr:nvSpPr>
      <xdr:spPr>
        <a:xfrm>
          <a:off x="4110756" y="1336180"/>
          <a:ext cx="813043" cy="209032"/>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700">
              <a:latin typeface="HGPｺﾞｼｯｸM" panose="020B0600000000000000" pitchFamily="50" charset="-128"/>
              <a:ea typeface="HGPｺﾞｼｯｸM" panose="020B0600000000000000" pitchFamily="50" charset="-128"/>
            </a:rPr>
            <a:t>歩行者優先空間</a:t>
          </a:r>
        </a:p>
      </xdr:txBody>
    </xdr:sp>
    <xdr:clientData/>
  </xdr:oneCellAnchor>
  <xdr:twoCellAnchor>
    <xdr:from>
      <xdr:col>15</xdr:col>
      <xdr:colOff>109686</xdr:colOff>
      <xdr:row>6</xdr:row>
      <xdr:rowOff>137065</xdr:rowOff>
    </xdr:from>
    <xdr:to>
      <xdr:col>16</xdr:col>
      <xdr:colOff>83562</xdr:colOff>
      <xdr:row>10</xdr:row>
      <xdr:rowOff>69730</xdr:rowOff>
    </xdr:to>
    <xdr:sp macro="" textlink="">
      <xdr:nvSpPr>
        <xdr:cNvPr id="6" name="フリーフォーム 5"/>
        <xdr:cNvSpPr/>
      </xdr:nvSpPr>
      <xdr:spPr>
        <a:xfrm rot="1626109">
          <a:off x="2518625" y="1000960"/>
          <a:ext cx="134472" cy="508596"/>
        </a:xfrm>
        <a:custGeom>
          <a:avLst/>
          <a:gdLst>
            <a:gd name="connsiteX0" fmla="*/ 16613 w 238125"/>
            <a:gd name="connsiteY0" fmla="*/ 0 h 443023"/>
            <a:gd name="connsiteX1" fmla="*/ 0 w 238125"/>
            <a:gd name="connsiteY1" fmla="*/ 443023 h 443023"/>
            <a:gd name="connsiteX2" fmla="*/ 227050 w 238125"/>
            <a:gd name="connsiteY2" fmla="*/ 437486 h 443023"/>
            <a:gd name="connsiteX3" fmla="*/ 238125 w 238125"/>
            <a:gd name="connsiteY3" fmla="*/ 0 h 443023"/>
            <a:gd name="connsiteX4" fmla="*/ 16613 w 238125"/>
            <a:gd name="connsiteY4" fmla="*/ 0 h 44302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38125" h="443023">
              <a:moveTo>
                <a:pt x="16613" y="0"/>
              </a:moveTo>
              <a:lnTo>
                <a:pt x="0" y="443023"/>
              </a:lnTo>
              <a:lnTo>
                <a:pt x="227050" y="437486"/>
              </a:lnTo>
              <a:lnTo>
                <a:pt x="238125" y="0"/>
              </a:lnTo>
              <a:lnTo>
                <a:pt x="16613" y="0"/>
              </a:lnTo>
              <a:close/>
            </a:path>
          </a:pathLst>
        </a:custGeom>
        <a:solidFill>
          <a:schemeClr val="accent4">
            <a:alpha val="2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4</xdr:col>
      <xdr:colOff>107783</xdr:colOff>
      <xdr:row>16</xdr:row>
      <xdr:rowOff>113221</xdr:rowOff>
    </xdr:from>
    <xdr:to>
      <xdr:col>52</xdr:col>
      <xdr:colOff>36357</xdr:colOff>
      <xdr:row>18</xdr:row>
      <xdr:rowOff>100473</xdr:rowOff>
    </xdr:to>
    <xdr:grpSp>
      <xdr:nvGrpSpPr>
        <xdr:cNvPr id="23" name="グループ化 22"/>
        <xdr:cNvGrpSpPr/>
      </xdr:nvGrpSpPr>
      <xdr:grpSpPr>
        <a:xfrm>
          <a:off x="7174004" y="2416942"/>
          <a:ext cx="1213341" cy="275217"/>
          <a:chOff x="6511448" y="2449133"/>
          <a:chExt cx="1135031" cy="281544"/>
        </a:xfrm>
      </xdr:grpSpPr>
      <xdr:sp macro="" textlink="">
        <xdr:nvSpPr>
          <xdr:cNvPr id="24" name="テキスト ボックス 23"/>
          <xdr:cNvSpPr txBox="1"/>
        </xdr:nvSpPr>
        <xdr:spPr>
          <a:xfrm>
            <a:off x="6511448" y="2449133"/>
            <a:ext cx="1135031" cy="281544"/>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HGPｺﾞｼｯｸM" panose="020B0600000000000000" pitchFamily="50" charset="-128"/>
                <a:ea typeface="HGPｺﾞｼｯｸM" panose="020B0600000000000000" pitchFamily="50" charset="-128"/>
              </a:rPr>
              <a:t>　　　広場区域</a:t>
            </a:r>
          </a:p>
        </xdr:txBody>
      </xdr:sp>
      <xdr:sp macro="" textlink="">
        <xdr:nvSpPr>
          <xdr:cNvPr id="25" name="正方形/長方形 24"/>
          <xdr:cNvSpPr/>
        </xdr:nvSpPr>
        <xdr:spPr>
          <a:xfrm>
            <a:off x="6597729" y="2520401"/>
            <a:ext cx="208936" cy="143696"/>
          </a:xfrm>
          <a:prstGeom prst="rect">
            <a:avLst/>
          </a:pr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clip" horzOverflow="clip" vert="horz" wrap="square" lIns="91440" tIns="45720" rIns="91440" bIns="45720" numCol="1" spcCol="0" rtlCol="0" fromWordArt="0" anchor="t" anchorCtr="0" forceAA="0" compatLnSpc="1">
            <a:prstTxWarp prst="textNoShape">
              <a:avLst/>
            </a:prstTxWarp>
            <a:noAutofit/>
          </a:bodyPr>
          <a:lstStyle/>
          <a:p>
            <a:pPr algn="l"/>
            <a:endParaRPr kumimoji="1" lang="ja-JP" altLang="en-US" sz="1100"/>
          </a:p>
        </xdr:txBody>
      </xdr:sp>
    </xdr:grpSp>
    <xdr:clientData/>
  </xdr:twoCellAnchor>
  <xdr:twoCellAnchor>
    <xdr:from>
      <xdr:col>1</xdr:col>
      <xdr:colOff>0</xdr:colOff>
      <xdr:row>20</xdr:row>
      <xdr:rowOff>0</xdr:rowOff>
    </xdr:from>
    <xdr:to>
      <xdr:col>49</xdr:col>
      <xdr:colOff>122457</xdr:colOff>
      <xdr:row>27</xdr:row>
      <xdr:rowOff>70425</xdr:rowOff>
    </xdr:to>
    <xdr:sp macro="" textlink="">
      <xdr:nvSpPr>
        <xdr:cNvPr id="19" name="テキスト ボックス 18"/>
        <xdr:cNvSpPr txBox="1"/>
      </xdr:nvSpPr>
      <xdr:spPr>
        <a:xfrm>
          <a:off x="160596" y="2879651"/>
          <a:ext cx="7831062" cy="107830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HGPｺﾞｼｯｸM" panose="020B0600000000000000" pitchFamily="50" charset="-128"/>
              <a:ea typeface="HGPｺﾞｼｯｸM" panose="020B0600000000000000" pitchFamily="50" charset="-128"/>
            </a:rPr>
            <a:t>留意事項</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平面に使用レイアウトの作成をお願いします。</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広場は、歩行者が優先となります。できるだけ広場の点字ブロックを避けたレイアウト作成をお願いいたします。</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重量物の乗り入れ、設置には、鉄板敷など養生が必要となる場合がありますので、ご相談願います。</a:t>
          </a:r>
          <a:endParaRPr kumimoji="1" lang="en-US" altLang="ja-JP" sz="1000">
            <a:latin typeface="HGPｺﾞｼｯｸM" panose="020B0600000000000000" pitchFamily="50" charset="-128"/>
            <a:ea typeface="HGPｺﾞｼｯｸM" panose="020B0600000000000000" pitchFamily="50" charset="-128"/>
          </a:endParaRPr>
        </a:p>
        <a:p>
          <a:r>
            <a:rPr kumimoji="1" lang="ja-JP" altLang="en-US" sz="1000">
              <a:latin typeface="HGPｺﾞｼｯｸM" panose="020B0600000000000000" pitchFamily="50" charset="-128"/>
              <a:ea typeface="HGPｺﾞｼｯｸM" panose="020B0600000000000000" pitchFamily="50" charset="-128"/>
            </a:rPr>
            <a:t>　・周辺施設の入口を塞ぐなどないようにお願いいたします。</a:t>
          </a:r>
          <a:endParaRPr kumimoji="1" lang="en-US" altLang="ja-JP" sz="1000">
            <a:latin typeface="HGPｺﾞｼｯｸM" panose="020B0600000000000000" pitchFamily="50" charset="-128"/>
            <a:ea typeface="HGPｺﾞｼｯｸM" panose="020B0600000000000000" pitchFamily="50" charset="-128"/>
          </a:endParaRPr>
        </a:p>
      </xdr:txBody>
    </xdr:sp>
    <xdr:clientData/>
  </xdr:twoCellAnchor>
  <xdr:twoCellAnchor>
    <xdr:from>
      <xdr:col>14</xdr:col>
      <xdr:colOff>89490</xdr:colOff>
      <xdr:row>7</xdr:row>
      <xdr:rowOff>1</xdr:rowOff>
    </xdr:from>
    <xdr:to>
      <xdr:col>45</xdr:col>
      <xdr:colOff>27689</xdr:colOff>
      <xdr:row>14</xdr:row>
      <xdr:rowOff>132907</xdr:rowOff>
    </xdr:to>
    <xdr:sp macro="" textlink="">
      <xdr:nvSpPr>
        <xdr:cNvPr id="2" name="フリーフォーム 1"/>
        <xdr:cNvSpPr/>
      </xdr:nvSpPr>
      <xdr:spPr>
        <a:xfrm>
          <a:off x="2337833" y="1007879"/>
          <a:ext cx="4916673" cy="1140784"/>
        </a:xfrm>
        <a:custGeom>
          <a:avLst/>
          <a:gdLst>
            <a:gd name="connsiteX0" fmla="*/ 131379 w 4959569"/>
            <a:gd name="connsiteY0" fmla="*/ 21896 h 1171465"/>
            <a:gd name="connsiteX1" fmla="*/ 0 w 4959569"/>
            <a:gd name="connsiteY1" fmla="*/ 295603 h 1171465"/>
            <a:gd name="connsiteX2" fmla="*/ 0 w 4959569"/>
            <a:gd name="connsiteY2" fmla="*/ 974396 h 1171465"/>
            <a:gd name="connsiteX3" fmla="*/ 153276 w 4959569"/>
            <a:gd name="connsiteY3" fmla="*/ 1171465 h 1171465"/>
            <a:gd name="connsiteX4" fmla="*/ 3645776 w 4959569"/>
            <a:gd name="connsiteY4" fmla="*/ 1149569 h 1171465"/>
            <a:gd name="connsiteX5" fmla="*/ 3591034 w 4959569"/>
            <a:gd name="connsiteY5" fmla="*/ 1029138 h 1171465"/>
            <a:gd name="connsiteX6" fmla="*/ 3886638 w 4959569"/>
            <a:gd name="connsiteY6" fmla="*/ 974396 h 1171465"/>
            <a:gd name="connsiteX7" fmla="*/ 4204138 w 4959569"/>
            <a:gd name="connsiteY7" fmla="*/ 788276 h 1171465"/>
            <a:gd name="connsiteX8" fmla="*/ 4587327 w 4959569"/>
            <a:gd name="connsiteY8" fmla="*/ 328448 h 1171465"/>
            <a:gd name="connsiteX9" fmla="*/ 4959569 w 4959569"/>
            <a:gd name="connsiteY9" fmla="*/ 0 h 1171465"/>
            <a:gd name="connsiteX10" fmla="*/ 131379 w 4959569"/>
            <a:gd name="connsiteY10" fmla="*/ 21896 h 1171465"/>
            <a:gd name="connsiteX0" fmla="*/ 131379 w 4959569"/>
            <a:gd name="connsiteY0" fmla="*/ 21896 h 1171465"/>
            <a:gd name="connsiteX1" fmla="*/ 0 w 4959569"/>
            <a:gd name="connsiteY1" fmla="*/ 295603 h 1171465"/>
            <a:gd name="connsiteX2" fmla="*/ 0 w 4959569"/>
            <a:gd name="connsiteY2" fmla="*/ 974396 h 1171465"/>
            <a:gd name="connsiteX3" fmla="*/ 153276 w 4959569"/>
            <a:gd name="connsiteY3" fmla="*/ 1171465 h 1171465"/>
            <a:gd name="connsiteX4" fmla="*/ 3645776 w 4959569"/>
            <a:gd name="connsiteY4" fmla="*/ 1149569 h 1171465"/>
            <a:gd name="connsiteX5" fmla="*/ 3591034 w 4959569"/>
            <a:gd name="connsiteY5" fmla="*/ 1029138 h 1171465"/>
            <a:gd name="connsiteX6" fmla="*/ 3886638 w 4959569"/>
            <a:gd name="connsiteY6" fmla="*/ 974396 h 1171465"/>
            <a:gd name="connsiteX7" fmla="*/ 4204138 w 4959569"/>
            <a:gd name="connsiteY7" fmla="*/ 788276 h 1171465"/>
            <a:gd name="connsiteX8" fmla="*/ 4587327 w 4959569"/>
            <a:gd name="connsiteY8" fmla="*/ 328448 h 1171465"/>
            <a:gd name="connsiteX9" fmla="*/ 4959569 w 4959569"/>
            <a:gd name="connsiteY9" fmla="*/ 0 h 1171465"/>
            <a:gd name="connsiteX10" fmla="*/ 131379 w 4959569"/>
            <a:gd name="connsiteY10" fmla="*/ 21896 h 1171465"/>
            <a:gd name="connsiteX0" fmla="*/ 131379 w 4959569"/>
            <a:gd name="connsiteY0" fmla="*/ 21896 h 1171465"/>
            <a:gd name="connsiteX1" fmla="*/ 0 w 4959569"/>
            <a:gd name="connsiteY1" fmla="*/ 295603 h 1171465"/>
            <a:gd name="connsiteX2" fmla="*/ 0 w 4959569"/>
            <a:gd name="connsiteY2" fmla="*/ 974396 h 1171465"/>
            <a:gd name="connsiteX3" fmla="*/ 153276 w 4959569"/>
            <a:gd name="connsiteY3" fmla="*/ 1171465 h 1171465"/>
            <a:gd name="connsiteX4" fmla="*/ 3645776 w 4959569"/>
            <a:gd name="connsiteY4" fmla="*/ 1149569 h 1171465"/>
            <a:gd name="connsiteX5" fmla="*/ 3591034 w 4959569"/>
            <a:gd name="connsiteY5" fmla="*/ 1029138 h 1171465"/>
            <a:gd name="connsiteX6" fmla="*/ 3886638 w 4959569"/>
            <a:gd name="connsiteY6" fmla="*/ 974396 h 1171465"/>
            <a:gd name="connsiteX7" fmla="*/ 4204138 w 4959569"/>
            <a:gd name="connsiteY7" fmla="*/ 788276 h 1171465"/>
            <a:gd name="connsiteX8" fmla="*/ 4587327 w 4959569"/>
            <a:gd name="connsiteY8" fmla="*/ 328448 h 1171465"/>
            <a:gd name="connsiteX9" fmla="*/ 4959569 w 4959569"/>
            <a:gd name="connsiteY9" fmla="*/ 0 h 1171465"/>
            <a:gd name="connsiteX10" fmla="*/ 131379 w 4959569"/>
            <a:gd name="connsiteY10" fmla="*/ 21896 h 1171465"/>
            <a:gd name="connsiteX0" fmla="*/ 131379 w 4959569"/>
            <a:gd name="connsiteY0" fmla="*/ 21896 h 1171465"/>
            <a:gd name="connsiteX1" fmla="*/ 0 w 4959569"/>
            <a:gd name="connsiteY1" fmla="*/ 295603 h 1171465"/>
            <a:gd name="connsiteX2" fmla="*/ 0 w 4959569"/>
            <a:gd name="connsiteY2" fmla="*/ 974396 h 1171465"/>
            <a:gd name="connsiteX3" fmla="*/ 153276 w 4959569"/>
            <a:gd name="connsiteY3" fmla="*/ 1171465 h 1171465"/>
            <a:gd name="connsiteX4" fmla="*/ 3645776 w 4959569"/>
            <a:gd name="connsiteY4" fmla="*/ 1149569 h 1171465"/>
            <a:gd name="connsiteX5" fmla="*/ 3558190 w 4959569"/>
            <a:gd name="connsiteY5" fmla="*/ 1029138 h 1171465"/>
            <a:gd name="connsiteX6" fmla="*/ 3886638 w 4959569"/>
            <a:gd name="connsiteY6" fmla="*/ 974396 h 1171465"/>
            <a:gd name="connsiteX7" fmla="*/ 4204138 w 4959569"/>
            <a:gd name="connsiteY7" fmla="*/ 788276 h 1171465"/>
            <a:gd name="connsiteX8" fmla="*/ 4587327 w 4959569"/>
            <a:gd name="connsiteY8" fmla="*/ 328448 h 1171465"/>
            <a:gd name="connsiteX9" fmla="*/ 4959569 w 4959569"/>
            <a:gd name="connsiteY9" fmla="*/ 0 h 1171465"/>
            <a:gd name="connsiteX10" fmla="*/ 131379 w 4959569"/>
            <a:gd name="connsiteY10" fmla="*/ 21896 h 1171465"/>
            <a:gd name="connsiteX0" fmla="*/ 131379 w 4959569"/>
            <a:gd name="connsiteY0" fmla="*/ 21896 h 1171465"/>
            <a:gd name="connsiteX1" fmla="*/ 0 w 4959569"/>
            <a:gd name="connsiteY1" fmla="*/ 295603 h 1171465"/>
            <a:gd name="connsiteX2" fmla="*/ 0 w 4959569"/>
            <a:gd name="connsiteY2" fmla="*/ 974396 h 1171465"/>
            <a:gd name="connsiteX3" fmla="*/ 153276 w 4959569"/>
            <a:gd name="connsiteY3" fmla="*/ 1171465 h 1171465"/>
            <a:gd name="connsiteX4" fmla="*/ 3591035 w 4959569"/>
            <a:gd name="connsiteY4" fmla="*/ 1160518 h 1171465"/>
            <a:gd name="connsiteX5" fmla="*/ 3558190 w 4959569"/>
            <a:gd name="connsiteY5" fmla="*/ 1029138 h 1171465"/>
            <a:gd name="connsiteX6" fmla="*/ 3886638 w 4959569"/>
            <a:gd name="connsiteY6" fmla="*/ 974396 h 1171465"/>
            <a:gd name="connsiteX7" fmla="*/ 4204138 w 4959569"/>
            <a:gd name="connsiteY7" fmla="*/ 788276 h 1171465"/>
            <a:gd name="connsiteX8" fmla="*/ 4587327 w 4959569"/>
            <a:gd name="connsiteY8" fmla="*/ 328448 h 1171465"/>
            <a:gd name="connsiteX9" fmla="*/ 4959569 w 4959569"/>
            <a:gd name="connsiteY9" fmla="*/ 0 h 1171465"/>
            <a:gd name="connsiteX10" fmla="*/ 131379 w 4959569"/>
            <a:gd name="connsiteY10" fmla="*/ 21896 h 1171465"/>
            <a:gd name="connsiteX0" fmla="*/ 131379 w 4959569"/>
            <a:gd name="connsiteY0" fmla="*/ 21896 h 1171465"/>
            <a:gd name="connsiteX1" fmla="*/ 0 w 4959569"/>
            <a:gd name="connsiteY1" fmla="*/ 295603 h 1171465"/>
            <a:gd name="connsiteX2" fmla="*/ 0 w 4959569"/>
            <a:gd name="connsiteY2" fmla="*/ 974396 h 1171465"/>
            <a:gd name="connsiteX3" fmla="*/ 153276 w 4959569"/>
            <a:gd name="connsiteY3" fmla="*/ 1171465 h 1171465"/>
            <a:gd name="connsiteX4" fmla="*/ 3591035 w 4959569"/>
            <a:gd name="connsiteY4" fmla="*/ 1160518 h 1171465"/>
            <a:gd name="connsiteX5" fmla="*/ 3558190 w 4959569"/>
            <a:gd name="connsiteY5" fmla="*/ 1029138 h 1171465"/>
            <a:gd name="connsiteX6" fmla="*/ 3886638 w 4959569"/>
            <a:gd name="connsiteY6" fmla="*/ 974396 h 1171465"/>
            <a:gd name="connsiteX7" fmla="*/ 4204138 w 4959569"/>
            <a:gd name="connsiteY7" fmla="*/ 788276 h 1171465"/>
            <a:gd name="connsiteX8" fmla="*/ 4587327 w 4959569"/>
            <a:gd name="connsiteY8" fmla="*/ 328448 h 1171465"/>
            <a:gd name="connsiteX9" fmla="*/ 4959569 w 4959569"/>
            <a:gd name="connsiteY9" fmla="*/ 0 h 1171465"/>
            <a:gd name="connsiteX10" fmla="*/ 131379 w 4959569"/>
            <a:gd name="connsiteY10" fmla="*/ 21896 h 1171465"/>
            <a:gd name="connsiteX0" fmla="*/ 131379 w 4959569"/>
            <a:gd name="connsiteY0" fmla="*/ 21896 h 1171465"/>
            <a:gd name="connsiteX1" fmla="*/ 0 w 4959569"/>
            <a:gd name="connsiteY1" fmla="*/ 295603 h 1171465"/>
            <a:gd name="connsiteX2" fmla="*/ 0 w 4959569"/>
            <a:gd name="connsiteY2" fmla="*/ 974396 h 1171465"/>
            <a:gd name="connsiteX3" fmla="*/ 153276 w 4959569"/>
            <a:gd name="connsiteY3" fmla="*/ 1171465 h 1171465"/>
            <a:gd name="connsiteX4" fmla="*/ 3591035 w 4959569"/>
            <a:gd name="connsiteY4" fmla="*/ 1160518 h 1171465"/>
            <a:gd name="connsiteX5" fmla="*/ 3558190 w 4959569"/>
            <a:gd name="connsiteY5" fmla="*/ 1029138 h 1171465"/>
            <a:gd name="connsiteX6" fmla="*/ 3886638 w 4959569"/>
            <a:gd name="connsiteY6" fmla="*/ 974396 h 1171465"/>
            <a:gd name="connsiteX7" fmla="*/ 4204138 w 4959569"/>
            <a:gd name="connsiteY7" fmla="*/ 788276 h 1171465"/>
            <a:gd name="connsiteX8" fmla="*/ 4587327 w 4959569"/>
            <a:gd name="connsiteY8" fmla="*/ 328448 h 1171465"/>
            <a:gd name="connsiteX9" fmla="*/ 4959569 w 4959569"/>
            <a:gd name="connsiteY9" fmla="*/ 0 h 1171465"/>
            <a:gd name="connsiteX10" fmla="*/ 131379 w 4959569"/>
            <a:gd name="connsiteY10" fmla="*/ 21896 h 1171465"/>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91035 w 4915776"/>
            <a:gd name="connsiteY4" fmla="*/ 1149569 h 1160516"/>
            <a:gd name="connsiteX5" fmla="*/ 3558190 w 4915776"/>
            <a:gd name="connsiteY5" fmla="*/ 1018189 h 1160516"/>
            <a:gd name="connsiteX6" fmla="*/ 3886638 w 4915776"/>
            <a:gd name="connsiteY6" fmla="*/ 963447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91035 w 4915776"/>
            <a:gd name="connsiteY4" fmla="*/ 1149569 h 1160516"/>
            <a:gd name="connsiteX5" fmla="*/ 3558190 w 4915776"/>
            <a:gd name="connsiteY5" fmla="*/ 1018189 h 1160516"/>
            <a:gd name="connsiteX6" fmla="*/ 3870369 w 4915776"/>
            <a:gd name="connsiteY6" fmla="*/ 955313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91035 w 4915776"/>
            <a:gd name="connsiteY4" fmla="*/ 1149569 h 1160516"/>
            <a:gd name="connsiteX5" fmla="*/ 3558190 w 4915776"/>
            <a:gd name="connsiteY5" fmla="*/ 1018189 h 1160516"/>
            <a:gd name="connsiteX6" fmla="*/ 3870369 w 4915776"/>
            <a:gd name="connsiteY6" fmla="*/ 955313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91035 w 4915776"/>
            <a:gd name="connsiteY4" fmla="*/ 1149569 h 1160516"/>
            <a:gd name="connsiteX5" fmla="*/ 3594794 w 4915776"/>
            <a:gd name="connsiteY5" fmla="*/ 1034457 h 1160516"/>
            <a:gd name="connsiteX6" fmla="*/ 3870369 w 4915776"/>
            <a:gd name="connsiteY6" fmla="*/ 955313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94794 w 4915776"/>
            <a:gd name="connsiteY5" fmla="*/ 1034457 h 1160516"/>
            <a:gd name="connsiteX6" fmla="*/ 3870369 w 4915776"/>
            <a:gd name="connsiteY6" fmla="*/ 955313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41921 w 4915776"/>
            <a:gd name="connsiteY5" fmla="*/ 1038525 h 1160516"/>
            <a:gd name="connsiteX6" fmla="*/ 3870369 w 4915776"/>
            <a:gd name="connsiteY6" fmla="*/ 955313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33787 w 4915776"/>
            <a:gd name="connsiteY5" fmla="*/ 1038525 h 1160516"/>
            <a:gd name="connsiteX6" fmla="*/ 3870369 w 4915776"/>
            <a:gd name="connsiteY6" fmla="*/ 955313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25652 w 4915776"/>
            <a:gd name="connsiteY5" fmla="*/ 1022255 h 1160516"/>
            <a:gd name="connsiteX6" fmla="*/ 3870369 w 4915776"/>
            <a:gd name="connsiteY6" fmla="*/ 955313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25652 w 4915776"/>
            <a:gd name="connsiteY5" fmla="*/ 1022255 h 1160516"/>
            <a:gd name="connsiteX6" fmla="*/ 3870369 w 4915776"/>
            <a:gd name="connsiteY6" fmla="*/ 955313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25652 w 4915776"/>
            <a:gd name="connsiteY5" fmla="*/ 1022255 h 1160516"/>
            <a:gd name="connsiteX6" fmla="*/ 3866302 w 4915776"/>
            <a:gd name="connsiteY6" fmla="*/ 951245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25652 w 4915776"/>
            <a:gd name="connsiteY5" fmla="*/ 1022255 h 1160516"/>
            <a:gd name="connsiteX6" fmla="*/ 3866302 w 4915776"/>
            <a:gd name="connsiteY6" fmla="*/ 951245 h 1160516"/>
            <a:gd name="connsiteX7" fmla="*/ 4204138 w 4915776"/>
            <a:gd name="connsiteY7" fmla="*/ 777327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25652 w 4915776"/>
            <a:gd name="connsiteY5" fmla="*/ 1022255 h 1160516"/>
            <a:gd name="connsiteX6" fmla="*/ 3866302 w 4915776"/>
            <a:gd name="connsiteY6" fmla="*/ 951245 h 1160516"/>
            <a:gd name="connsiteX7" fmla="*/ 4176367 w 4915776"/>
            <a:gd name="connsiteY7" fmla="*/ 773854 h 1160516"/>
            <a:gd name="connsiteX8" fmla="*/ 4587327 w 4915776"/>
            <a:gd name="connsiteY8" fmla="*/ 317499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25652 w 4915776"/>
            <a:gd name="connsiteY5" fmla="*/ 1022255 h 1160516"/>
            <a:gd name="connsiteX6" fmla="*/ 3866302 w 4915776"/>
            <a:gd name="connsiteY6" fmla="*/ 951245 h 1160516"/>
            <a:gd name="connsiteX7" fmla="*/ 4176367 w 4915776"/>
            <a:gd name="connsiteY7" fmla="*/ 773854 h 1160516"/>
            <a:gd name="connsiteX8" fmla="*/ 4573441 w 4915776"/>
            <a:gd name="connsiteY8" fmla="*/ 307084 h 1160516"/>
            <a:gd name="connsiteX9" fmla="*/ 4915776 w 4915776"/>
            <a:gd name="connsiteY9" fmla="*/ 0 h 1160516"/>
            <a:gd name="connsiteX10" fmla="*/ 131379 w 4915776"/>
            <a:gd name="connsiteY10" fmla="*/ 10947 h 1160516"/>
            <a:gd name="connsiteX0" fmla="*/ 131379 w 4915776"/>
            <a:gd name="connsiteY0" fmla="*/ 10947 h 1160516"/>
            <a:gd name="connsiteX1" fmla="*/ 0 w 4915776"/>
            <a:gd name="connsiteY1" fmla="*/ 284654 h 1160516"/>
            <a:gd name="connsiteX2" fmla="*/ 0 w 4915776"/>
            <a:gd name="connsiteY2" fmla="*/ 963447 h 1160516"/>
            <a:gd name="connsiteX3" fmla="*/ 153276 w 4915776"/>
            <a:gd name="connsiteY3" fmla="*/ 1160516 h 1160516"/>
            <a:gd name="connsiteX4" fmla="*/ 3534096 w 4915776"/>
            <a:gd name="connsiteY4" fmla="*/ 1153636 h 1160516"/>
            <a:gd name="connsiteX5" fmla="*/ 3525652 w 4915776"/>
            <a:gd name="connsiteY5" fmla="*/ 1022255 h 1160516"/>
            <a:gd name="connsiteX6" fmla="*/ 3866302 w 4915776"/>
            <a:gd name="connsiteY6" fmla="*/ 951245 h 1160516"/>
            <a:gd name="connsiteX7" fmla="*/ 4176367 w 4915776"/>
            <a:gd name="connsiteY7" fmla="*/ 773854 h 1160516"/>
            <a:gd name="connsiteX8" fmla="*/ 4573441 w 4915776"/>
            <a:gd name="connsiteY8" fmla="*/ 307084 h 1160516"/>
            <a:gd name="connsiteX9" fmla="*/ 4915776 w 4915776"/>
            <a:gd name="connsiteY9" fmla="*/ 0 h 1160516"/>
            <a:gd name="connsiteX10" fmla="*/ 131379 w 4915776"/>
            <a:gd name="connsiteY10" fmla="*/ 10947 h 11605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4915776" h="1160516">
              <a:moveTo>
                <a:pt x="131379" y="10947"/>
              </a:moveTo>
              <a:cubicBezTo>
                <a:pt x="87586" y="102183"/>
                <a:pt x="21896" y="116780"/>
                <a:pt x="0" y="284654"/>
              </a:cubicBezTo>
              <a:lnTo>
                <a:pt x="0" y="963447"/>
              </a:lnTo>
              <a:cubicBezTo>
                <a:pt x="29195" y="1072930"/>
                <a:pt x="102184" y="1094826"/>
                <a:pt x="153276" y="1160516"/>
              </a:cubicBezTo>
              <a:lnTo>
                <a:pt x="3534096" y="1153636"/>
              </a:lnTo>
              <a:lnTo>
                <a:pt x="3525652" y="1022255"/>
              </a:lnTo>
              <a:cubicBezTo>
                <a:pt x="3636491" y="1012142"/>
                <a:pt x="3751396" y="973559"/>
                <a:pt x="3866302" y="951245"/>
              </a:cubicBezTo>
              <a:cubicBezTo>
                <a:pt x="4006028" y="904119"/>
                <a:pt x="4068583" y="857483"/>
                <a:pt x="4176367" y="773854"/>
              </a:cubicBezTo>
              <a:cubicBezTo>
                <a:pt x="4369787" y="631526"/>
                <a:pt x="4347177" y="471308"/>
                <a:pt x="4573441" y="307084"/>
              </a:cubicBezTo>
              <a:lnTo>
                <a:pt x="4915776" y="0"/>
              </a:lnTo>
              <a:lnTo>
                <a:pt x="131379" y="10947"/>
              </a:lnTo>
              <a:close/>
            </a:path>
          </a:pathLst>
        </a:custGeom>
        <a:no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53</xdr:col>
      <xdr:colOff>88604</xdr:colOff>
      <xdr:row>16</xdr:row>
      <xdr:rowOff>49840</xdr:rowOff>
    </xdr:from>
    <xdr:to>
      <xdr:col>64</xdr:col>
      <xdr:colOff>30305</xdr:colOff>
      <xdr:row>18</xdr:row>
      <xdr:rowOff>108042</xdr:rowOff>
    </xdr:to>
    <xdr:pic>
      <xdr:nvPicPr>
        <xdr:cNvPr id="21" name="図 20"/>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8600188" y="2353561"/>
          <a:ext cx="1708257" cy="346167"/>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oneCellAnchor>
    <xdr:from>
      <xdr:col>2</xdr:col>
      <xdr:colOff>125484</xdr:colOff>
      <xdr:row>4</xdr:row>
      <xdr:rowOff>121577</xdr:rowOff>
    </xdr:from>
    <xdr:ext cx="594457" cy="242374"/>
    <xdr:sp macro="" textlink="">
      <xdr:nvSpPr>
        <xdr:cNvPr id="10" name="テキスト ボックス 9"/>
        <xdr:cNvSpPr txBox="1"/>
      </xdr:nvSpPr>
      <xdr:spPr>
        <a:xfrm>
          <a:off x="446676" y="697507"/>
          <a:ext cx="594457"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pPr algn="ctr"/>
          <a:r>
            <a:rPr kumimoji="1" lang="ja-JP" altLang="en-US" sz="900">
              <a:latin typeface="HGPｺﾞｼｯｸM" panose="020B0600000000000000" pitchFamily="50" charset="-128"/>
              <a:ea typeface="HGPｺﾞｼｯｸM" panose="020B0600000000000000" pitchFamily="50" charset="-128"/>
            </a:rPr>
            <a:t>いたち川</a:t>
          </a:r>
        </a:p>
      </xdr:txBody>
    </xdr:sp>
    <xdr:clientData/>
  </xdr:oneCellAnchor>
  <xdr:oneCellAnchor>
    <xdr:from>
      <xdr:col>2</xdr:col>
      <xdr:colOff>94553</xdr:colOff>
      <xdr:row>15</xdr:row>
      <xdr:rowOff>92570</xdr:rowOff>
    </xdr:from>
    <xdr:ext cx="646331" cy="225703"/>
    <xdr:sp macro="" textlink="">
      <xdr:nvSpPr>
        <xdr:cNvPr id="5" name="テキスト ボックス 4"/>
        <xdr:cNvSpPr txBox="1"/>
      </xdr:nvSpPr>
      <xdr:spPr>
        <a:xfrm>
          <a:off x="415745" y="2252308"/>
          <a:ext cx="646331"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latin typeface="HGPｺﾞｼｯｸM" panose="020B0600000000000000" pitchFamily="50" charset="-128"/>
              <a:ea typeface="HGPｺﾞｼｯｸM" panose="020B0600000000000000" pitchFamily="50" charset="-128"/>
            </a:rPr>
            <a:t>至：富山駅</a:t>
          </a:r>
        </a:p>
      </xdr:txBody>
    </xdr:sp>
    <xdr:clientData/>
  </xdr:oneCellAnchor>
  <xdr:oneCellAnchor>
    <xdr:from>
      <xdr:col>33</xdr:col>
      <xdr:colOff>55699</xdr:colOff>
      <xdr:row>4</xdr:row>
      <xdr:rowOff>92831</xdr:rowOff>
    </xdr:from>
    <xdr:ext cx="718466" cy="225703"/>
    <xdr:sp macro="" textlink="">
      <xdr:nvSpPr>
        <xdr:cNvPr id="12" name="テキスト ボックス 11"/>
        <xdr:cNvSpPr txBox="1"/>
      </xdr:nvSpPr>
      <xdr:spPr>
        <a:xfrm>
          <a:off x="5355365" y="668761"/>
          <a:ext cx="718466" cy="225703"/>
        </a:xfrm>
        <a:prstGeom prst="rect">
          <a:avLst/>
        </a:prstGeom>
        <a:solidFill>
          <a:sysClr val="window" lastClr="FFFFFF"/>
        </a:solid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latin typeface="HGPｺﾞｼｯｸM" panose="020B0600000000000000" pitchFamily="50" charset="-128"/>
              <a:ea typeface="HGPｺﾞｼｯｸM" panose="020B0600000000000000" pitchFamily="50" charset="-128"/>
            </a:rPr>
            <a:t>至</a:t>
          </a:r>
          <a:r>
            <a:rPr kumimoji="1" lang="en-US" altLang="ja-JP" sz="800">
              <a:latin typeface="HGPｺﾞｼｯｸM" panose="020B0600000000000000" pitchFamily="50" charset="-128"/>
              <a:ea typeface="HGPｺﾞｼｯｸM" panose="020B0600000000000000" pitchFamily="50" charset="-128"/>
            </a:rPr>
            <a:t>:</a:t>
          </a:r>
          <a:r>
            <a:rPr kumimoji="1" lang="ja-JP" altLang="en-US" sz="800">
              <a:latin typeface="HGPｺﾞｼｯｸM" panose="020B0600000000000000" pitchFamily="50" charset="-128"/>
              <a:ea typeface="HGPｺﾞｼｯｸM" panose="020B0600000000000000" pitchFamily="50" charset="-128"/>
            </a:rPr>
            <a:t>親水広場</a:t>
          </a:r>
        </a:p>
      </xdr:txBody>
    </xdr:sp>
    <xdr:clientData/>
  </xdr:oneCellAnchor>
  <xdr:twoCellAnchor>
    <xdr:from>
      <xdr:col>14</xdr:col>
      <xdr:colOff>97257</xdr:colOff>
      <xdr:row>7</xdr:row>
      <xdr:rowOff>41370</xdr:rowOff>
    </xdr:from>
    <xdr:to>
      <xdr:col>42</xdr:col>
      <xdr:colOff>37680</xdr:colOff>
      <xdr:row>11</xdr:row>
      <xdr:rowOff>37603</xdr:rowOff>
    </xdr:to>
    <xdr:sp macro="" textlink="">
      <xdr:nvSpPr>
        <xdr:cNvPr id="4" name="フリーフォーム 3"/>
        <xdr:cNvSpPr/>
      </xdr:nvSpPr>
      <xdr:spPr>
        <a:xfrm>
          <a:off x="2345600" y="1049248"/>
          <a:ext cx="4437109" cy="572163"/>
        </a:xfrm>
        <a:custGeom>
          <a:avLst/>
          <a:gdLst>
            <a:gd name="connsiteX0" fmla="*/ 0 w 4674913"/>
            <a:gd name="connsiteY0" fmla="*/ 437931 h 656896"/>
            <a:gd name="connsiteX1" fmla="*/ 10948 w 4674913"/>
            <a:gd name="connsiteY1" fmla="*/ 645948 h 656896"/>
            <a:gd name="connsiteX2" fmla="*/ 2518103 w 4674913"/>
            <a:gd name="connsiteY2" fmla="*/ 656896 h 656896"/>
            <a:gd name="connsiteX3" fmla="*/ 3350172 w 4674913"/>
            <a:gd name="connsiteY3" fmla="*/ 273706 h 656896"/>
            <a:gd name="connsiteX4" fmla="*/ 4674913 w 4674913"/>
            <a:gd name="connsiteY4" fmla="*/ 208017 h 656896"/>
            <a:gd name="connsiteX5" fmla="*/ 4642069 w 4674913"/>
            <a:gd name="connsiteY5" fmla="*/ 21896 h 656896"/>
            <a:gd name="connsiteX6" fmla="*/ 3372069 w 4674913"/>
            <a:gd name="connsiteY6" fmla="*/ 0 h 656896"/>
            <a:gd name="connsiteX7" fmla="*/ 2540000 w 4674913"/>
            <a:gd name="connsiteY7" fmla="*/ 426982 h 656896"/>
            <a:gd name="connsiteX8" fmla="*/ 0 w 4674913"/>
            <a:gd name="connsiteY8" fmla="*/ 437931 h 656896"/>
            <a:gd name="connsiteX0" fmla="*/ 0 w 4674913"/>
            <a:gd name="connsiteY0" fmla="*/ 437931 h 656896"/>
            <a:gd name="connsiteX1" fmla="*/ 10948 w 4674913"/>
            <a:gd name="connsiteY1" fmla="*/ 645948 h 656896"/>
            <a:gd name="connsiteX2" fmla="*/ 2518103 w 4674913"/>
            <a:gd name="connsiteY2" fmla="*/ 656896 h 656896"/>
            <a:gd name="connsiteX3" fmla="*/ 3372068 w 4674913"/>
            <a:gd name="connsiteY3" fmla="*/ 197142 h 656896"/>
            <a:gd name="connsiteX4" fmla="*/ 4674913 w 4674913"/>
            <a:gd name="connsiteY4" fmla="*/ 208017 h 656896"/>
            <a:gd name="connsiteX5" fmla="*/ 4642069 w 4674913"/>
            <a:gd name="connsiteY5" fmla="*/ 21896 h 656896"/>
            <a:gd name="connsiteX6" fmla="*/ 3372069 w 4674913"/>
            <a:gd name="connsiteY6" fmla="*/ 0 h 656896"/>
            <a:gd name="connsiteX7" fmla="*/ 2540000 w 4674913"/>
            <a:gd name="connsiteY7" fmla="*/ 426982 h 656896"/>
            <a:gd name="connsiteX8" fmla="*/ 0 w 4674913"/>
            <a:gd name="connsiteY8" fmla="*/ 437931 h 656896"/>
            <a:gd name="connsiteX0" fmla="*/ 0 w 4674913"/>
            <a:gd name="connsiteY0" fmla="*/ 437931 h 656896"/>
            <a:gd name="connsiteX1" fmla="*/ 10948 w 4674913"/>
            <a:gd name="connsiteY1" fmla="*/ 645948 h 656896"/>
            <a:gd name="connsiteX2" fmla="*/ 2518103 w 4674913"/>
            <a:gd name="connsiteY2" fmla="*/ 656896 h 656896"/>
            <a:gd name="connsiteX3" fmla="*/ 3372068 w 4674913"/>
            <a:gd name="connsiteY3" fmla="*/ 197142 h 656896"/>
            <a:gd name="connsiteX4" fmla="*/ 4674913 w 4674913"/>
            <a:gd name="connsiteY4" fmla="*/ 208017 h 656896"/>
            <a:gd name="connsiteX5" fmla="*/ 4642070 w 4674913"/>
            <a:gd name="connsiteY5" fmla="*/ 20 h 656896"/>
            <a:gd name="connsiteX6" fmla="*/ 3372069 w 4674913"/>
            <a:gd name="connsiteY6" fmla="*/ 0 h 656896"/>
            <a:gd name="connsiteX7" fmla="*/ 2540000 w 4674913"/>
            <a:gd name="connsiteY7" fmla="*/ 426982 h 656896"/>
            <a:gd name="connsiteX8" fmla="*/ 0 w 4674913"/>
            <a:gd name="connsiteY8" fmla="*/ 437931 h 656896"/>
            <a:gd name="connsiteX0" fmla="*/ 0 w 4647544"/>
            <a:gd name="connsiteY0" fmla="*/ 437931 h 656896"/>
            <a:gd name="connsiteX1" fmla="*/ 10948 w 4647544"/>
            <a:gd name="connsiteY1" fmla="*/ 645948 h 656896"/>
            <a:gd name="connsiteX2" fmla="*/ 2518103 w 4647544"/>
            <a:gd name="connsiteY2" fmla="*/ 656896 h 656896"/>
            <a:gd name="connsiteX3" fmla="*/ 3372068 w 4647544"/>
            <a:gd name="connsiteY3" fmla="*/ 197142 h 656896"/>
            <a:gd name="connsiteX4" fmla="*/ 4647544 w 4647544"/>
            <a:gd name="connsiteY4" fmla="*/ 186140 h 656896"/>
            <a:gd name="connsiteX5" fmla="*/ 4642070 w 4647544"/>
            <a:gd name="connsiteY5" fmla="*/ 20 h 656896"/>
            <a:gd name="connsiteX6" fmla="*/ 3372069 w 4647544"/>
            <a:gd name="connsiteY6" fmla="*/ 0 h 656896"/>
            <a:gd name="connsiteX7" fmla="*/ 2540000 w 4647544"/>
            <a:gd name="connsiteY7" fmla="*/ 426982 h 656896"/>
            <a:gd name="connsiteX8" fmla="*/ 0 w 4647544"/>
            <a:gd name="connsiteY8" fmla="*/ 437931 h 656896"/>
            <a:gd name="connsiteX0" fmla="*/ 0 w 4647544"/>
            <a:gd name="connsiteY0" fmla="*/ 437931 h 656896"/>
            <a:gd name="connsiteX1" fmla="*/ 10948 w 4647544"/>
            <a:gd name="connsiteY1" fmla="*/ 645948 h 656896"/>
            <a:gd name="connsiteX2" fmla="*/ 2518103 w 4647544"/>
            <a:gd name="connsiteY2" fmla="*/ 656896 h 656896"/>
            <a:gd name="connsiteX3" fmla="*/ 3372068 w 4647544"/>
            <a:gd name="connsiteY3" fmla="*/ 197142 h 656896"/>
            <a:gd name="connsiteX4" fmla="*/ 4647544 w 4647544"/>
            <a:gd name="connsiteY4" fmla="*/ 186140 h 656896"/>
            <a:gd name="connsiteX5" fmla="*/ 4642070 w 4647544"/>
            <a:gd name="connsiteY5" fmla="*/ 20 h 656896"/>
            <a:gd name="connsiteX6" fmla="*/ 3372069 w 4647544"/>
            <a:gd name="connsiteY6" fmla="*/ 0 h 656896"/>
            <a:gd name="connsiteX7" fmla="*/ 2529052 w 4647544"/>
            <a:gd name="connsiteY7" fmla="*/ 426982 h 656896"/>
            <a:gd name="connsiteX8" fmla="*/ 0 w 4647544"/>
            <a:gd name="connsiteY8" fmla="*/ 437931 h 656896"/>
            <a:gd name="connsiteX0" fmla="*/ 0 w 4647544"/>
            <a:gd name="connsiteY0" fmla="*/ 437931 h 656896"/>
            <a:gd name="connsiteX1" fmla="*/ 10948 w 4647544"/>
            <a:gd name="connsiteY1" fmla="*/ 645948 h 656896"/>
            <a:gd name="connsiteX2" fmla="*/ 2518103 w 4647544"/>
            <a:gd name="connsiteY2" fmla="*/ 656896 h 656896"/>
            <a:gd name="connsiteX3" fmla="*/ 3366594 w 4647544"/>
            <a:gd name="connsiteY3" fmla="*/ 213548 h 656896"/>
            <a:gd name="connsiteX4" fmla="*/ 4647544 w 4647544"/>
            <a:gd name="connsiteY4" fmla="*/ 186140 h 656896"/>
            <a:gd name="connsiteX5" fmla="*/ 4642070 w 4647544"/>
            <a:gd name="connsiteY5" fmla="*/ 20 h 656896"/>
            <a:gd name="connsiteX6" fmla="*/ 3372069 w 4647544"/>
            <a:gd name="connsiteY6" fmla="*/ 0 h 656896"/>
            <a:gd name="connsiteX7" fmla="*/ 2529052 w 4647544"/>
            <a:gd name="connsiteY7" fmla="*/ 426982 h 656896"/>
            <a:gd name="connsiteX8" fmla="*/ 0 w 4647544"/>
            <a:gd name="connsiteY8" fmla="*/ 437931 h 656896"/>
            <a:gd name="connsiteX0" fmla="*/ 0 w 4647544"/>
            <a:gd name="connsiteY0" fmla="*/ 437931 h 656896"/>
            <a:gd name="connsiteX1" fmla="*/ 10948 w 4647544"/>
            <a:gd name="connsiteY1" fmla="*/ 645948 h 656896"/>
            <a:gd name="connsiteX2" fmla="*/ 2518103 w 4647544"/>
            <a:gd name="connsiteY2" fmla="*/ 656896 h 656896"/>
            <a:gd name="connsiteX3" fmla="*/ 3372067 w 4647544"/>
            <a:gd name="connsiteY3" fmla="*/ 197142 h 656896"/>
            <a:gd name="connsiteX4" fmla="*/ 4647544 w 4647544"/>
            <a:gd name="connsiteY4" fmla="*/ 186140 h 656896"/>
            <a:gd name="connsiteX5" fmla="*/ 4642070 w 4647544"/>
            <a:gd name="connsiteY5" fmla="*/ 20 h 656896"/>
            <a:gd name="connsiteX6" fmla="*/ 3372069 w 4647544"/>
            <a:gd name="connsiteY6" fmla="*/ 0 h 656896"/>
            <a:gd name="connsiteX7" fmla="*/ 2529052 w 4647544"/>
            <a:gd name="connsiteY7" fmla="*/ 426982 h 656896"/>
            <a:gd name="connsiteX8" fmla="*/ 0 w 4647544"/>
            <a:gd name="connsiteY8" fmla="*/ 437931 h 656896"/>
            <a:gd name="connsiteX0" fmla="*/ 0 w 4653018"/>
            <a:gd name="connsiteY0" fmla="*/ 443380 h 662345"/>
            <a:gd name="connsiteX1" fmla="*/ 10948 w 4653018"/>
            <a:gd name="connsiteY1" fmla="*/ 651397 h 662345"/>
            <a:gd name="connsiteX2" fmla="*/ 2518103 w 4653018"/>
            <a:gd name="connsiteY2" fmla="*/ 662345 h 662345"/>
            <a:gd name="connsiteX3" fmla="*/ 3372067 w 4653018"/>
            <a:gd name="connsiteY3" fmla="*/ 202591 h 662345"/>
            <a:gd name="connsiteX4" fmla="*/ 4647544 w 4653018"/>
            <a:gd name="connsiteY4" fmla="*/ 191589 h 662345"/>
            <a:gd name="connsiteX5" fmla="*/ 4653018 w 4653018"/>
            <a:gd name="connsiteY5" fmla="*/ 0 h 662345"/>
            <a:gd name="connsiteX6" fmla="*/ 3372069 w 4653018"/>
            <a:gd name="connsiteY6" fmla="*/ 5449 h 662345"/>
            <a:gd name="connsiteX7" fmla="*/ 2529052 w 4653018"/>
            <a:gd name="connsiteY7" fmla="*/ 432431 h 662345"/>
            <a:gd name="connsiteX8" fmla="*/ 0 w 4653018"/>
            <a:gd name="connsiteY8" fmla="*/ 443380 h 662345"/>
            <a:gd name="connsiteX0" fmla="*/ 0 w 4653018"/>
            <a:gd name="connsiteY0" fmla="*/ 443380 h 662345"/>
            <a:gd name="connsiteX1" fmla="*/ 10948 w 4653018"/>
            <a:gd name="connsiteY1" fmla="*/ 651397 h 662345"/>
            <a:gd name="connsiteX2" fmla="*/ 2518103 w 4653018"/>
            <a:gd name="connsiteY2" fmla="*/ 662345 h 662345"/>
            <a:gd name="connsiteX3" fmla="*/ 3372067 w 4653018"/>
            <a:gd name="connsiteY3" fmla="*/ 202591 h 662345"/>
            <a:gd name="connsiteX4" fmla="*/ 4647544 w 4653018"/>
            <a:gd name="connsiteY4" fmla="*/ 191589 h 662345"/>
            <a:gd name="connsiteX5" fmla="*/ 4653018 w 4653018"/>
            <a:gd name="connsiteY5" fmla="*/ 0 h 662345"/>
            <a:gd name="connsiteX6" fmla="*/ 2753524 w 4653018"/>
            <a:gd name="connsiteY6" fmla="*/ 5449 h 662345"/>
            <a:gd name="connsiteX7" fmla="*/ 2529052 w 4653018"/>
            <a:gd name="connsiteY7" fmla="*/ 432431 h 662345"/>
            <a:gd name="connsiteX8" fmla="*/ 0 w 4653018"/>
            <a:gd name="connsiteY8" fmla="*/ 443380 h 662345"/>
            <a:gd name="connsiteX0" fmla="*/ 0 w 4653018"/>
            <a:gd name="connsiteY0" fmla="*/ 443380 h 662345"/>
            <a:gd name="connsiteX1" fmla="*/ 10948 w 4653018"/>
            <a:gd name="connsiteY1" fmla="*/ 651397 h 662345"/>
            <a:gd name="connsiteX2" fmla="*/ 2518103 w 4653018"/>
            <a:gd name="connsiteY2" fmla="*/ 662345 h 662345"/>
            <a:gd name="connsiteX3" fmla="*/ 3372067 w 4653018"/>
            <a:gd name="connsiteY3" fmla="*/ 202591 h 662345"/>
            <a:gd name="connsiteX4" fmla="*/ 4647544 w 4653018"/>
            <a:gd name="connsiteY4" fmla="*/ 191589 h 662345"/>
            <a:gd name="connsiteX5" fmla="*/ 4653018 w 4653018"/>
            <a:gd name="connsiteY5" fmla="*/ 0 h 662345"/>
            <a:gd name="connsiteX6" fmla="*/ 2753524 w 4653018"/>
            <a:gd name="connsiteY6" fmla="*/ 5449 h 662345"/>
            <a:gd name="connsiteX7" fmla="*/ 2293677 w 4653018"/>
            <a:gd name="connsiteY7" fmla="*/ 443370 h 662345"/>
            <a:gd name="connsiteX8" fmla="*/ 0 w 4653018"/>
            <a:gd name="connsiteY8" fmla="*/ 443380 h 662345"/>
            <a:gd name="connsiteX0" fmla="*/ 0 w 4653018"/>
            <a:gd name="connsiteY0" fmla="*/ 443380 h 667814"/>
            <a:gd name="connsiteX1" fmla="*/ 10948 w 4653018"/>
            <a:gd name="connsiteY1" fmla="*/ 651397 h 667814"/>
            <a:gd name="connsiteX2" fmla="*/ 2288202 w 4653018"/>
            <a:gd name="connsiteY2" fmla="*/ 667814 h 667814"/>
            <a:gd name="connsiteX3" fmla="*/ 3372067 w 4653018"/>
            <a:gd name="connsiteY3" fmla="*/ 202591 h 667814"/>
            <a:gd name="connsiteX4" fmla="*/ 4647544 w 4653018"/>
            <a:gd name="connsiteY4" fmla="*/ 191589 h 667814"/>
            <a:gd name="connsiteX5" fmla="*/ 4653018 w 4653018"/>
            <a:gd name="connsiteY5" fmla="*/ 0 h 667814"/>
            <a:gd name="connsiteX6" fmla="*/ 2753524 w 4653018"/>
            <a:gd name="connsiteY6" fmla="*/ 5449 h 667814"/>
            <a:gd name="connsiteX7" fmla="*/ 2293677 w 4653018"/>
            <a:gd name="connsiteY7" fmla="*/ 443370 h 667814"/>
            <a:gd name="connsiteX8" fmla="*/ 0 w 4653018"/>
            <a:gd name="connsiteY8" fmla="*/ 443380 h 667814"/>
            <a:gd name="connsiteX0" fmla="*/ 0 w 4653018"/>
            <a:gd name="connsiteY0" fmla="*/ 443380 h 667814"/>
            <a:gd name="connsiteX1" fmla="*/ 10948 w 4653018"/>
            <a:gd name="connsiteY1" fmla="*/ 651397 h 667814"/>
            <a:gd name="connsiteX2" fmla="*/ 2288202 w 4653018"/>
            <a:gd name="connsiteY2" fmla="*/ 667814 h 667814"/>
            <a:gd name="connsiteX3" fmla="*/ 3372067 w 4653018"/>
            <a:gd name="connsiteY3" fmla="*/ 202591 h 667814"/>
            <a:gd name="connsiteX4" fmla="*/ 4647544 w 4653018"/>
            <a:gd name="connsiteY4" fmla="*/ 191589 h 667814"/>
            <a:gd name="connsiteX5" fmla="*/ 4653018 w 4653018"/>
            <a:gd name="connsiteY5" fmla="*/ 0 h 667814"/>
            <a:gd name="connsiteX6" fmla="*/ 2468884 w 4653018"/>
            <a:gd name="connsiteY6" fmla="*/ 10917 h 667814"/>
            <a:gd name="connsiteX7" fmla="*/ 2293677 w 4653018"/>
            <a:gd name="connsiteY7" fmla="*/ 443370 h 667814"/>
            <a:gd name="connsiteX8" fmla="*/ 0 w 4653018"/>
            <a:gd name="connsiteY8" fmla="*/ 443380 h 667814"/>
            <a:gd name="connsiteX0" fmla="*/ 0 w 4653018"/>
            <a:gd name="connsiteY0" fmla="*/ 443380 h 667814"/>
            <a:gd name="connsiteX1" fmla="*/ 10948 w 4653018"/>
            <a:gd name="connsiteY1" fmla="*/ 651397 h 667814"/>
            <a:gd name="connsiteX2" fmla="*/ 2288202 w 4653018"/>
            <a:gd name="connsiteY2" fmla="*/ 667814 h 667814"/>
            <a:gd name="connsiteX3" fmla="*/ 3612916 w 4653018"/>
            <a:gd name="connsiteY3" fmla="*/ 191653 h 667814"/>
            <a:gd name="connsiteX4" fmla="*/ 4647544 w 4653018"/>
            <a:gd name="connsiteY4" fmla="*/ 191589 h 667814"/>
            <a:gd name="connsiteX5" fmla="*/ 4653018 w 4653018"/>
            <a:gd name="connsiteY5" fmla="*/ 0 h 667814"/>
            <a:gd name="connsiteX6" fmla="*/ 2468884 w 4653018"/>
            <a:gd name="connsiteY6" fmla="*/ 10917 h 667814"/>
            <a:gd name="connsiteX7" fmla="*/ 2293677 w 4653018"/>
            <a:gd name="connsiteY7" fmla="*/ 443370 h 667814"/>
            <a:gd name="connsiteX8" fmla="*/ 0 w 4653018"/>
            <a:gd name="connsiteY8" fmla="*/ 443380 h 667814"/>
            <a:gd name="connsiteX0" fmla="*/ 0 w 4653018"/>
            <a:gd name="connsiteY0" fmla="*/ 443380 h 667814"/>
            <a:gd name="connsiteX1" fmla="*/ 10948 w 4653018"/>
            <a:gd name="connsiteY1" fmla="*/ 651397 h 667814"/>
            <a:gd name="connsiteX2" fmla="*/ 2288202 w 4653018"/>
            <a:gd name="connsiteY2" fmla="*/ 667814 h 667814"/>
            <a:gd name="connsiteX3" fmla="*/ 4089140 w 4653018"/>
            <a:gd name="connsiteY3" fmla="*/ 180715 h 667814"/>
            <a:gd name="connsiteX4" fmla="*/ 4647544 w 4653018"/>
            <a:gd name="connsiteY4" fmla="*/ 191589 h 667814"/>
            <a:gd name="connsiteX5" fmla="*/ 4653018 w 4653018"/>
            <a:gd name="connsiteY5" fmla="*/ 0 h 667814"/>
            <a:gd name="connsiteX6" fmla="*/ 2468884 w 4653018"/>
            <a:gd name="connsiteY6" fmla="*/ 10917 h 667814"/>
            <a:gd name="connsiteX7" fmla="*/ 2293677 w 4653018"/>
            <a:gd name="connsiteY7" fmla="*/ 443370 h 667814"/>
            <a:gd name="connsiteX8" fmla="*/ 0 w 4653018"/>
            <a:gd name="connsiteY8" fmla="*/ 443380 h 667814"/>
            <a:gd name="connsiteX0" fmla="*/ 0 w 4653018"/>
            <a:gd name="connsiteY0" fmla="*/ 443380 h 667814"/>
            <a:gd name="connsiteX1" fmla="*/ 10948 w 4653018"/>
            <a:gd name="connsiteY1" fmla="*/ 651397 h 667814"/>
            <a:gd name="connsiteX2" fmla="*/ 2288202 w 4653018"/>
            <a:gd name="connsiteY2" fmla="*/ 667814 h 667814"/>
            <a:gd name="connsiteX3" fmla="*/ 4078193 w 4653018"/>
            <a:gd name="connsiteY3" fmla="*/ 202591 h 667814"/>
            <a:gd name="connsiteX4" fmla="*/ 4647544 w 4653018"/>
            <a:gd name="connsiteY4" fmla="*/ 191589 h 667814"/>
            <a:gd name="connsiteX5" fmla="*/ 4653018 w 4653018"/>
            <a:gd name="connsiteY5" fmla="*/ 0 h 667814"/>
            <a:gd name="connsiteX6" fmla="*/ 2468884 w 4653018"/>
            <a:gd name="connsiteY6" fmla="*/ 10917 h 667814"/>
            <a:gd name="connsiteX7" fmla="*/ 2293677 w 4653018"/>
            <a:gd name="connsiteY7" fmla="*/ 443370 h 667814"/>
            <a:gd name="connsiteX8" fmla="*/ 0 w 4653018"/>
            <a:gd name="connsiteY8" fmla="*/ 443380 h 667814"/>
            <a:gd name="connsiteX0" fmla="*/ 10947 w 4663965"/>
            <a:gd name="connsiteY0" fmla="*/ 443380 h 667814"/>
            <a:gd name="connsiteX1" fmla="*/ 0 w 4663965"/>
            <a:gd name="connsiteY1" fmla="*/ 656866 h 667814"/>
            <a:gd name="connsiteX2" fmla="*/ 2299149 w 4663965"/>
            <a:gd name="connsiteY2" fmla="*/ 667814 h 667814"/>
            <a:gd name="connsiteX3" fmla="*/ 4089140 w 4663965"/>
            <a:gd name="connsiteY3" fmla="*/ 202591 h 667814"/>
            <a:gd name="connsiteX4" fmla="*/ 4658491 w 4663965"/>
            <a:gd name="connsiteY4" fmla="*/ 191589 h 667814"/>
            <a:gd name="connsiteX5" fmla="*/ 4663965 w 4663965"/>
            <a:gd name="connsiteY5" fmla="*/ 0 h 667814"/>
            <a:gd name="connsiteX6" fmla="*/ 2479831 w 4663965"/>
            <a:gd name="connsiteY6" fmla="*/ 10917 h 667814"/>
            <a:gd name="connsiteX7" fmla="*/ 2304624 w 4663965"/>
            <a:gd name="connsiteY7" fmla="*/ 443370 h 667814"/>
            <a:gd name="connsiteX8" fmla="*/ 10947 w 4663965"/>
            <a:gd name="connsiteY8" fmla="*/ 443380 h 667814"/>
            <a:gd name="connsiteX0" fmla="*/ 0 w 4669439"/>
            <a:gd name="connsiteY0" fmla="*/ 443380 h 667814"/>
            <a:gd name="connsiteX1" fmla="*/ 5474 w 4669439"/>
            <a:gd name="connsiteY1" fmla="*/ 656866 h 667814"/>
            <a:gd name="connsiteX2" fmla="*/ 2304623 w 4669439"/>
            <a:gd name="connsiteY2" fmla="*/ 667814 h 667814"/>
            <a:gd name="connsiteX3" fmla="*/ 4094614 w 4669439"/>
            <a:gd name="connsiteY3" fmla="*/ 202591 h 667814"/>
            <a:gd name="connsiteX4" fmla="*/ 4663965 w 4669439"/>
            <a:gd name="connsiteY4" fmla="*/ 191589 h 667814"/>
            <a:gd name="connsiteX5" fmla="*/ 4669439 w 4669439"/>
            <a:gd name="connsiteY5" fmla="*/ 0 h 667814"/>
            <a:gd name="connsiteX6" fmla="*/ 2485305 w 4669439"/>
            <a:gd name="connsiteY6" fmla="*/ 10917 h 667814"/>
            <a:gd name="connsiteX7" fmla="*/ 2310098 w 4669439"/>
            <a:gd name="connsiteY7" fmla="*/ 443370 h 667814"/>
            <a:gd name="connsiteX8" fmla="*/ 0 w 4669439"/>
            <a:gd name="connsiteY8" fmla="*/ 443380 h 667814"/>
            <a:gd name="connsiteX0" fmla="*/ 0 w 4669439"/>
            <a:gd name="connsiteY0" fmla="*/ 443409 h 667843"/>
            <a:gd name="connsiteX1" fmla="*/ 5474 w 4669439"/>
            <a:gd name="connsiteY1" fmla="*/ 656895 h 667843"/>
            <a:gd name="connsiteX2" fmla="*/ 2304623 w 4669439"/>
            <a:gd name="connsiteY2" fmla="*/ 667843 h 667843"/>
            <a:gd name="connsiteX3" fmla="*/ 4094614 w 4669439"/>
            <a:gd name="connsiteY3" fmla="*/ 202620 h 667843"/>
            <a:gd name="connsiteX4" fmla="*/ 4663965 w 4669439"/>
            <a:gd name="connsiteY4" fmla="*/ 191618 h 667843"/>
            <a:gd name="connsiteX5" fmla="*/ 4669439 w 4669439"/>
            <a:gd name="connsiteY5" fmla="*/ 29 h 667843"/>
            <a:gd name="connsiteX6" fmla="*/ 2945138 w 4669439"/>
            <a:gd name="connsiteY6" fmla="*/ 0 h 667843"/>
            <a:gd name="connsiteX7" fmla="*/ 2310098 w 4669439"/>
            <a:gd name="connsiteY7" fmla="*/ 443399 h 667843"/>
            <a:gd name="connsiteX8" fmla="*/ 0 w 4669439"/>
            <a:gd name="connsiteY8" fmla="*/ 443409 h 667843"/>
            <a:gd name="connsiteX0" fmla="*/ 0 w 4669439"/>
            <a:gd name="connsiteY0" fmla="*/ 443409 h 667843"/>
            <a:gd name="connsiteX1" fmla="*/ 5474 w 4669439"/>
            <a:gd name="connsiteY1" fmla="*/ 656895 h 667843"/>
            <a:gd name="connsiteX2" fmla="*/ 2304623 w 4669439"/>
            <a:gd name="connsiteY2" fmla="*/ 667843 h 667843"/>
            <a:gd name="connsiteX3" fmla="*/ 3284431 w 4669439"/>
            <a:gd name="connsiteY3" fmla="*/ 224512 h 667843"/>
            <a:gd name="connsiteX4" fmla="*/ 4663965 w 4669439"/>
            <a:gd name="connsiteY4" fmla="*/ 191618 h 667843"/>
            <a:gd name="connsiteX5" fmla="*/ 4669439 w 4669439"/>
            <a:gd name="connsiteY5" fmla="*/ 29 h 667843"/>
            <a:gd name="connsiteX6" fmla="*/ 2945138 w 4669439"/>
            <a:gd name="connsiteY6" fmla="*/ 0 h 667843"/>
            <a:gd name="connsiteX7" fmla="*/ 2310098 w 4669439"/>
            <a:gd name="connsiteY7" fmla="*/ 443399 h 667843"/>
            <a:gd name="connsiteX8" fmla="*/ 0 w 4669439"/>
            <a:gd name="connsiteY8" fmla="*/ 443409 h 667843"/>
            <a:gd name="connsiteX0" fmla="*/ 0 w 4669439"/>
            <a:gd name="connsiteY0" fmla="*/ 443409 h 667843"/>
            <a:gd name="connsiteX1" fmla="*/ 5474 w 4669439"/>
            <a:gd name="connsiteY1" fmla="*/ 656895 h 667843"/>
            <a:gd name="connsiteX2" fmla="*/ 2304623 w 4669439"/>
            <a:gd name="connsiteY2" fmla="*/ 667843 h 667843"/>
            <a:gd name="connsiteX3" fmla="*/ 3174947 w 4669439"/>
            <a:gd name="connsiteY3" fmla="*/ 235457 h 667843"/>
            <a:gd name="connsiteX4" fmla="*/ 4663965 w 4669439"/>
            <a:gd name="connsiteY4" fmla="*/ 191618 h 667843"/>
            <a:gd name="connsiteX5" fmla="*/ 4669439 w 4669439"/>
            <a:gd name="connsiteY5" fmla="*/ 29 h 667843"/>
            <a:gd name="connsiteX6" fmla="*/ 2945138 w 4669439"/>
            <a:gd name="connsiteY6" fmla="*/ 0 h 667843"/>
            <a:gd name="connsiteX7" fmla="*/ 2310098 w 4669439"/>
            <a:gd name="connsiteY7" fmla="*/ 443399 h 667843"/>
            <a:gd name="connsiteX8" fmla="*/ 0 w 4669439"/>
            <a:gd name="connsiteY8" fmla="*/ 443409 h 667843"/>
            <a:gd name="connsiteX0" fmla="*/ 0 w 4669439"/>
            <a:gd name="connsiteY0" fmla="*/ 443409 h 667843"/>
            <a:gd name="connsiteX1" fmla="*/ 5474 w 4669439"/>
            <a:gd name="connsiteY1" fmla="*/ 656895 h 667843"/>
            <a:gd name="connsiteX2" fmla="*/ 2304623 w 4669439"/>
            <a:gd name="connsiteY2" fmla="*/ 667843 h 667843"/>
            <a:gd name="connsiteX3" fmla="*/ 3174947 w 4669439"/>
            <a:gd name="connsiteY3" fmla="*/ 235457 h 667843"/>
            <a:gd name="connsiteX4" fmla="*/ 4663965 w 4669439"/>
            <a:gd name="connsiteY4" fmla="*/ 191618 h 667843"/>
            <a:gd name="connsiteX5" fmla="*/ 4669439 w 4669439"/>
            <a:gd name="connsiteY5" fmla="*/ 29 h 667843"/>
            <a:gd name="connsiteX6" fmla="*/ 2945138 w 4669439"/>
            <a:gd name="connsiteY6" fmla="*/ 0 h 667843"/>
            <a:gd name="connsiteX7" fmla="*/ 2310098 w 4669439"/>
            <a:gd name="connsiteY7" fmla="*/ 410561 h 667843"/>
            <a:gd name="connsiteX8" fmla="*/ 0 w 4669439"/>
            <a:gd name="connsiteY8" fmla="*/ 443409 h 667843"/>
            <a:gd name="connsiteX0" fmla="*/ 0 w 4669439"/>
            <a:gd name="connsiteY0" fmla="*/ 443409 h 667843"/>
            <a:gd name="connsiteX1" fmla="*/ 5474 w 4669439"/>
            <a:gd name="connsiteY1" fmla="*/ 656895 h 667843"/>
            <a:gd name="connsiteX2" fmla="*/ 2304623 w 4669439"/>
            <a:gd name="connsiteY2" fmla="*/ 667843 h 667843"/>
            <a:gd name="connsiteX3" fmla="*/ 3174947 w 4669439"/>
            <a:gd name="connsiteY3" fmla="*/ 235457 h 667843"/>
            <a:gd name="connsiteX4" fmla="*/ 4663965 w 4669439"/>
            <a:gd name="connsiteY4" fmla="*/ 191618 h 667843"/>
            <a:gd name="connsiteX5" fmla="*/ 4669439 w 4669439"/>
            <a:gd name="connsiteY5" fmla="*/ 29 h 667843"/>
            <a:gd name="connsiteX6" fmla="*/ 2945138 w 4669439"/>
            <a:gd name="connsiteY6" fmla="*/ 0 h 667843"/>
            <a:gd name="connsiteX7" fmla="*/ 2310098 w 4669439"/>
            <a:gd name="connsiteY7" fmla="*/ 443399 h 667843"/>
            <a:gd name="connsiteX8" fmla="*/ 0 w 4669439"/>
            <a:gd name="connsiteY8" fmla="*/ 443409 h 667843"/>
            <a:gd name="connsiteX0" fmla="*/ 0 w 4669439"/>
            <a:gd name="connsiteY0" fmla="*/ 443409 h 667843"/>
            <a:gd name="connsiteX1" fmla="*/ 5474 w 4669439"/>
            <a:gd name="connsiteY1" fmla="*/ 656895 h 667843"/>
            <a:gd name="connsiteX2" fmla="*/ 2304623 w 4669439"/>
            <a:gd name="connsiteY2" fmla="*/ 667843 h 667843"/>
            <a:gd name="connsiteX3" fmla="*/ 3174947 w 4669439"/>
            <a:gd name="connsiteY3" fmla="*/ 235457 h 667843"/>
            <a:gd name="connsiteX4" fmla="*/ 4663965 w 4669439"/>
            <a:gd name="connsiteY4" fmla="*/ 191618 h 667843"/>
            <a:gd name="connsiteX5" fmla="*/ 4669439 w 4669439"/>
            <a:gd name="connsiteY5" fmla="*/ 29 h 667843"/>
            <a:gd name="connsiteX6" fmla="*/ 2813758 w 4669439"/>
            <a:gd name="connsiteY6" fmla="*/ 0 h 667843"/>
            <a:gd name="connsiteX7" fmla="*/ 2310098 w 4669439"/>
            <a:gd name="connsiteY7" fmla="*/ 443399 h 667843"/>
            <a:gd name="connsiteX8" fmla="*/ 0 w 4669439"/>
            <a:gd name="connsiteY8" fmla="*/ 443409 h 667843"/>
            <a:gd name="connsiteX0" fmla="*/ 0 w 4669439"/>
            <a:gd name="connsiteY0" fmla="*/ 443380 h 667814"/>
            <a:gd name="connsiteX1" fmla="*/ 5474 w 4669439"/>
            <a:gd name="connsiteY1" fmla="*/ 656866 h 667814"/>
            <a:gd name="connsiteX2" fmla="*/ 2304623 w 4669439"/>
            <a:gd name="connsiteY2" fmla="*/ 667814 h 667814"/>
            <a:gd name="connsiteX3" fmla="*/ 3174947 w 4669439"/>
            <a:gd name="connsiteY3" fmla="*/ 235428 h 667814"/>
            <a:gd name="connsiteX4" fmla="*/ 4663965 w 4669439"/>
            <a:gd name="connsiteY4" fmla="*/ 191589 h 667814"/>
            <a:gd name="connsiteX5" fmla="*/ 4669439 w 4669439"/>
            <a:gd name="connsiteY5" fmla="*/ 0 h 667814"/>
            <a:gd name="connsiteX6" fmla="*/ 2737120 w 4669439"/>
            <a:gd name="connsiteY6" fmla="*/ 10917 h 667814"/>
            <a:gd name="connsiteX7" fmla="*/ 2310098 w 4669439"/>
            <a:gd name="connsiteY7" fmla="*/ 443370 h 667814"/>
            <a:gd name="connsiteX8" fmla="*/ 0 w 4669439"/>
            <a:gd name="connsiteY8" fmla="*/ 443380 h 667814"/>
            <a:gd name="connsiteX0" fmla="*/ 0 w 4669439"/>
            <a:gd name="connsiteY0" fmla="*/ 443380 h 667814"/>
            <a:gd name="connsiteX1" fmla="*/ 5474 w 4669439"/>
            <a:gd name="connsiteY1" fmla="*/ 656866 h 667814"/>
            <a:gd name="connsiteX2" fmla="*/ 2304623 w 4669439"/>
            <a:gd name="connsiteY2" fmla="*/ 667814 h 667814"/>
            <a:gd name="connsiteX3" fmla="*/ 3174947 w 4669439"/>
            <a:gd name="connsiteY3" fmla="*/ 235428 h 667814"/>
            <a:gd name="connsiteX4" fmla="*/ 4653017 w 4669439"/>
            <a:gd name="connsiteY4" fmla="*/ 224428 h 667814"/>
            <a:gd name="connsiteX5" fmla="*/ 4669439 w 4669439"/>
            <a:gd name="connsiteY5" fmla="*/ 0 h 667814"/>
            <a:gd name="connsiteX6" fmla="*/ 2737120 w 4669439"/>
            <a:gd name="connsiteY6" fmla="*/ 10917 h 667814"/>
            <a:gd name="connsiteX7" fmla="*/ 2310098 w 4669439"/>
            <a:gd name="connsiteY7" fmla="*/ 443370 h 667814"/>
            <a:gd name="connsiteX8" fmla="*/ 0 w 4669439"/>
            <a:gd name="connsiteY8" fmla="*/ 443380 h 667814"/>
            <a:gd name="connsiteX0" fmla="*/ 0 w 4653017"/>
            <a:gd name="connsiteY0" fmla="*/ 443380 h 667814"/>
            <a:gd name="connsiteX1" fmla="*/ 5474 w 4653017"/>
            <a:gd name="connsiteY1" fmla="*/ 656866 h 667814"/>
            <a:gd name="connsiteX2" fmla="*/ 2304623 w 4653017"/>
            <a:gd name="connsiteY2" fmla="*/ 667814 h 667814"/>
            <a:gd name="connsiteX3" fmla="*/ 3174947 w 4653017"/>
            <a:gd name="connsiteY3" fmla="*/ 235428 h 667814"/>
            <a:gd name="connsiteX4" fmla="*/ 4653017 w 4653017"/>
            <a:gd name="connsiteY4" fmla="*/ 224428 h 667814"/>
            <a:gd name="connsiteX5" fmla="*/ 4650990 w 4653017"/>
            <a:gd name="connsiteY5" fmla="*/ 0 h 667814"/>
            <a:gd name="connsiteX6" fmla="*/ 2737120 w 4653017"/>
            <a:gd name="connsiteY6" fmla="*/ 10917 h 667814"/>
            <a:gd name="connsiteX7" fmla="*/ 2310098 w 4653017"/>
            <a:gd name="connsiteY7" fmla="*/ 443370 h 667814"/>
            <a:gd name="connsiteX8" fmla="*/ 0 w 4653017"/>
            <a:gd name="connsiteY8" fmla="*/ 443380 h 667814"/>
            <a:gd name="connsiteX0" fmla="*/ 0 w 4651023"/>
            <a:gd name="connsiteY0" fmla="*/ 443380 h 667814"/>
            <a:gd name="connsiteX1" fmla="*/ 5474 w 4651023"/>
            <a:gd name="connsiteY1" fmla="*/ 656866 h 667814"/>
            <a:gd name="connsiteX2" fmla="*/ 2304623 w 4651023"/>
            <a:gd name="connsiteY2" fmla="*/ 667814 h 667814"/>
            <a:gd name="connsiteX3" fmla="*/ 3174947 w 4651023"/>
            <a:gd name="connsiteY3" fmla="*/ 235428 h 667814"/>
            <a:gd name="connsiteX4" fmla="*/ 4642474 w 4651023"/>
            <a:gd name="connsiteY4" fmla="*/ 232328 h 667814"/>
            <a:gd name="connsiteX5" fmla="*/ 4650990 w 4651023"/>
            <a:gd name="connsiteY5" fmla="*/ 0 h 667814"/>
            <a:gd name="connsiteX6" fmla="*/ 2737120 w 4651023"/>
            <a:gd name="connsiteY6" fmla="*/ 10917 h 667814"/>
            <a:gd name="connsiteX7" fmla="*/ 2310098 w 4651023"/>
            <a:gd name="connsiteY7" fmla="*/ 443370 h 667814"/>
            <a:gd name="connsiteX8" fmla="*/ 0 w 4651023"/>
            <a:gd name="connsiteY8" fmla="*/ 443380 h 667814"/>
            <a:gd name="connsiteX0" fmla="*/ 0 w 4643227"/>
            <a:gd name="connsiteY0" fmla="*/ 443380 h 667814"/>
            <a:gd name="connsiteX1" fmla="*/ 5474 w 4643227"/>
            <a:gd name="connsiteY1" fmla="*/ 656866 h 667814"/>
            <a:gd name="connsiteX2" fmla="*/ 2304623 w 4643227"/>
            <a:gd name="connsiteY2" fmla="*/ 667814 h 667814"/>
            <a:gd name="connsiteX3" fmla="*/ 3174947 w 4643227"/>
            <a:gd name="connsiteY3" fmla="*/ 235428 h 667814"/>
            <a:gd name="connsiteX4" fmla="*/ 4642474 w 4643227"/>
            <a:gd name="connsiteY4" fmla="*/ 232328 h 667814"/>
            <a:gd name="connsiteX5" fmla="*/ 4643084 w 4643227"/>
            <a:gd name="connsiteY5" fmla="*/ 0 h 667814"/>
            <a:gd name="connsiteX6" fmla="*/ 2737120 w 4643227"/>
            <a:gd name="connsiteY6" fmla="*/ 10917 h 667814"/>
            <a:gd name="connsiteX7" fmla="*/ 2310098 w 4643227"/>
            <a:gd name="connsiteY7" fmla="*/ 443370 h 667814"/>
            <a:gd name="connsiteX8" fmla="*/ 0 w 4643227"/>
            <a:gd name="connsiteY8" fmla="*/ 443380 h 6678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643227" h="667814">
              <a:moveTo>
                <a:pt x="0" y="443380"/>
              </a:moveTo>
              <a:lnTo>
                <a:pt x="5474" y="656866"/>
              </a:lnTo>
              <a:lnTo>
                <a:pt x="2304623" y="667814"/>
              </a:lnTo>
              <a:lnTo>
                <a:pt x="3174947" y="235428"/>
              </a:lnTo>
              <a:lnTo>
                <a:pt x="4642474" y="232328"/>
              </a:lnTo>
              <a:cubicBezTo>
                <a:pt x="4641798" y="157519"/>
                <a:pt x="4643760" y="74809"/>
                <a:pt x="4643084" y="0"/>
              </a:cubicBezTo>
              <a:lnTo>
                <a:pt x="2737120" y="10917"/>
              </a:lnTo>
              <a:lnTo>
                <a:pt x="2310098" y="443370"/>
              </a:lnTo>
              <a:lnTo>
                <a:pt x="0" y="443380"/>
              </a:lnTo>
              <a:close/>
            </a:path>
          </a:pathLst>
        </a:custGeom>
        <a:solidFill>
          <a:schemeClr val="accent4">
            <a:alpha val="2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0</xdr:col>
      <xdr:colOff>27689</xdr:colOff>
      <xdr:row>9</xdr:row>
      <xdr:rowOff>62600</xdr:rowOff>
    </xdr:from>
    <xdr:to>
      <xdr:col>31</xdr:col>
      <xdr:colOff>66453</xdr:colOff>
      <xdr:row>14</xdr:row>
      <xdr:rowOff>121831</xdr:rowOff>
    </xdr:to>
    <xdr:sp macro="" textlink="">
      <xdr:nvSpPr>
        <xdr:cNvPr id="16" name="フリーフォーム 15"/>
        <xdr:cNvSpPr/>
      </xdr:nvSpPr>
      <xdr:spPr>
        <a:xfrm>
          <a:off x="4845567" y="1358443"/>
          <a:ext cx="199360" cy="779144"/>
        </a:xfrm>
        <a:custGeom>
          <a:avLst/>
          <a:gdLst>
            <a:gd name="connsiteX0" fmla="*/ 0 w 240862"/>
            <a:gd name="connsiteY0" fmla="*/ 569311 h 591207"/>
            <a:gd name="connsiteX1" fmla="*/ 0 w 240862"/>
            <a:gd name="connsiteY1" fmla="*/ 65690 h 591207"/>
            <a:gd name="connsiteX2" fmla="*/ 240862 w 240862"/>
            <a:gd name="connsiteY2" fmla="*/ 0 h 591207"/>
            <a:gd name="connsiteX3" fmla="*/ 229914 w 240862"/>
            <a:gd name="connsiteY3" fmla="*/ 591207 h 591207"/>
            <a:gd name="connsiteX4" fmla="*/ 0 w 240862"/>
            <a:gd name="connsiteY4" fmla="*/ 569311 h 591207"/>
            <a:gd name="connsiteX0" fmla="*/ 0 w 240862"/>
            <a:gd name="connsiteY0" fmla="*/ 569311 h 591207"/>
            <a:gd name="connsiteX1" fmla="*/ 0 w 240862"/>
            <a:gd name="connsiteY1" fmla="*/ 100526 h 591207"/>
            <a:gd name="connsiteX2" fmla="*/ 240862 w 240862"/>
            <a:gd name="connsiteY2" fmla="*/ 0 h 591207"/>
            <a:gd name="connsiteX3" fmla="*/ 229914 w 240862"/>
            <a:gd name="connsiteY3" fmla="*/ 591207 h 591207"/>
            <a:gd name="connsiteX4" fmla="*/ 0 w 240862"/>
            <a:gd name="connsiteY4" fmla="*/ 569311 h 591207"/>
            <a:gd name="connsiteX0" fmla="*/ 0 w 236209"/>
            <a:gd name="connsiteY0" fmla="*/ 582643 h 604539"/>
            <a:gd name="connsiteX1" fmla="*/ 0 w 236209"/>
            <a:gd name="connsiteY1" fmla="*/ 113858 h 604539"/>
            <a:gd name="connsiteX2" fmla="*/ 236209 w 236209"/>
            <a:gd name="connsiteY2" fmla="*/ 0 h 604539"/>
            <a:gd name="connsiteX3" fmla="*/ 229914 w 236209"/>
            <a:gd name="connsiteY3" fmla="*/ 604539 h 604539"/>
            <a:gd name="connsiteX4" fmla="*/ 0 w 236209"/>
            <a:gd name="connsiteY4" fmla="*/ 582643 h 60453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36209" h="604539">
              <a:moveTo>
                <a:pt x="0" y="582643"/>
              </a:moveTo>
              <a:lnTo>
                <a:pt x="0" y="113858"/>
              </a:lnTo>
              <a:lnTo>
                <a:pt x="236209" y="0"/>
              </a:lnTo>
              <a:cubicBezTo>
                <a:pt x="234111" y="201513"/>
                <a:pt x="232012" y="403026"/>
                <a:pt x="229914" y="604539"/>
              </a:cubicBezTo>
              <a:lnTo>
                <a:pt x="0" y="582643"/>
              </a:lnTo>
              <a:close/>
            </a:path>
          </a:pathLst>
        </a:custGeom>
        <a:solidFill>
          <a:schemeClr val="accent4">
            <a:alpha val="20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clip" horzOverflow="clip" vert="horz" wrap="square" lIns="91440" tIns="45720" rIns="91440" bIns="45720" numCol="1" spcCol="0" rtlCol="0" fromWordArt="0" anchor="t" anchorCtr="0" forceAA="0" compatLnSpc="1">
          <a:prstTxWarp prst="textNoShape">
            <a:avLst/>
          </a:prstTxWarp>
          <a:noAutofit/>
        </a:bodyPr>
        <a:lstStyle/>
        <a:p>
          <a:pPr algn="l"/>
          <a:endParaRPr kumimoji="1" lang="ja-JP" altLang="en-US" sz="1100"/>
        </a:p>
      </xdr:txBody>
    </xdr:sp>
    <xdr:clientData/>
  </xdr:twoCellAnchor>
  <xdr:twoCellAnchor>
    <xdr:from>
      <xdr:col>2</xdr:col>
      <xdr:colOff>49840</xdr:colOff>
      <xdr:row>3</xdr:row>
      <xdr:rowOff>16613</xdr:rowOff>
    </xdr:from>
    <xdr:to>
      <xdr:col>64</xdr:col>
      <xdr:colOff>138444</xdr:colOff>
      <xdr:row>19</xdr:row>
      <xdr:rowOff>55378</xdr:rowOff>
    </xdr:to>
    <xdr:sp macro="" textlink="">
      <xdr:nvSpPr>
        <xdr:cNvPr id="17" name="正方形/長方形 16"/>
        <xdr:cNvSpPr/>
      </xdr:nvSpPr>
      <xdr:spPr>
        <a:xfrm>
          <a:off x="371032" y="448561"/>
          <a:ext cx="10045552" cy="2342486"/>
        </a:xfrm>
        <a:prstGeom prst="rect">
          <a:avLst/>
        </a:prstGeom>
        <a:no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4</xdr:col>
      <xdr:colOff>38765</xdr:colOff>
      <xdr:row>20</xdr:row>
      <xdr:rowOff>77529</xdr:rowOff>
    </xdr:from>
    <xdr:to>
      <xdr:col>65</xdr:col>
      <xdr:colOff>136458</xdr:colOff>
      <xdr:row>26</xdr:row>
      <xdr:rowOff>1199</xdr:rowOff>
    </xdr:to>
    <xdr:sp macro="" textlink="">
      <xdr:nvSpPr>
        <xdr:cNvPr id="26" name="テキスト ボックス 25"/>
        <xdr:cNvSpPr txBox="1"/>
      </xdr:nvSpPr>
      <xdr:spPr>
        <a:xfrm>
          <a:off x="8710945" y="2957180"/>
          <a:ext cx="1864248" cy="787566"/>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l"/>
          <a:r>
            <a:rPr kumimoji="1" lang="ja-JP" altLang="en-US" sz="900">
              <a:latin typeface="HGPｺﾞｼｯｸM" panose="020B0600000000000000" pitchFamily="50" charset="-128"/>
              <a:ea typeface="HGPｺﾞｼｯｸM" panose="020B0600000000000000" pitchFamily="50" charset="-128"/>
            </a:rPr>
            <a:t>配置用</a:t>
          </a:r>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800">
              <a:latin typeface="HGPｺﾞｼｯｸM" panose="020B0600000000000000" pitchFamily="50" charset="-128"/>
              <a:ea typeface="HGPｺﾞｼｯｸM" panose="020B0600000000000000" pitchFamily="50" charset="-128"/>
            </a:rPr>
            <a:t>サイズを変えず使用してください</a:t>
          </a:r>
          <a:endParaRPr kumimoji="1" lang="en-US" altLang="ja-JP" sz="800">
            <a:latin typeface="HGPｺﾞｼｯｸM" panose="020B0600000000000000" pitchFamily="50" charset="-128"/>
            <a:ea typeface="HGPｺﾞｼｯｸM" panose="020B0600000000000000" pitchFamily="50" charset="-128"/>
          </a:endParaRPr>
        </a:p>
        <a:p>
          <a:pPr algn="l"/>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900">
              <a:latin typeface="HGPｺﾞｼｯｸM" panose="020B0600000000000000" pitchFamily="50" charset="-128"/>
              <a:ea typeface="HGPｺﾞｼｯｸM" panose="020B0600000000000000" pitchFamily="50" charset="-128"/>
            </a:rPr>
            <a:t>　　　　・・・テント（</a:t>
          </a:r>
          <a:r>
            <a:rPr kumimoji="1" lang="en-US" altLang="ja-JP" sz="900">
              <a:latin typeface="HGPｺﾞｼｯｸM" panose="020B0600000000000000" pitchFamily="50" charset="-128"/>
              <a:ea typeface="HGPｺﾞｼｯｸM" panose="020B0600000000000000" pitchFamily="50" charset="-128"/>
            </a:rPr>
            <a:t>3.6m×5.4m</a:t>
          </a:r>
          <a:r>
            <a:rPr kumimoji="1" lang="ja-JP" altLang="en-US" sz="900">
              <a:latin typeface="HGPｺﾞｼｯｸM" panose="020B0600000000000000" pitchFamily="50" charset="-128"/>
              <a:ea typeface="HGPｺﾞｼｯｸM" panose="020B0600000000000000" pitchFamily="50" charset="-128"/>
            </a:rPr>
            <a:t>）</a:t>
          </a:r>
          <a:endParaRPr kumimoji="1" lang="en-US" altLang="ja-JP" sz="900">
            <a:latin typeface="HGPｺﾞｼｯｸM" panose="020B0600000000000000" pitchFamily="50" charset="-128"/>
            <a:ea typeface="HGPｺﾞｼｯｸM" panose="020B0600000000000000" pitchFamily="50" charset="-128"/>
          </a:endParaRPr>
        </a:p>
        <a:p>
          <a:pPr algn="l"/>
          <a:r>
            <a:rPr kumimoji="1" lang="ja-JP" altLang="en-US" sz="900">
              <a:latin typeface="HGPｺﾞｼｯｸM" panose="020B0600000000000000" pitchFamily="50" charset="-128"/>
              <a:ea typeface="HGPｺﾞｼｯｸM" panose="020B0600000000000000" pitchFamily="50" charset="-128"/>
            </a:rPr>
            <a:t>　　　　</a:t>
          </a:r>
          <a:endParaRPr kumimoji="1" lang="en-US" altLang="ja-JP" sz="900">
            <a:latin typeface="HGPｺﾞｼｯｸM" panose="020B0600000000000000" pitchFamily="50" charset="-128"/>
            <a:ea typeface="HGPｺﾞｼｯｸM" panose="020B0600000000000000" pitchFamily="50" charset="-128"/>
          </a:endParaRPr>
        </a:p>
      </xdr:txBody>
    </xdr:sp>
    <xdr:clientData/>
  </xdr:twoCellAnchor>
  <xdr:twoCellAnchor>
    <xdr:from>
      <xdr:col>55</xdr:col>
      <xdr:colOff>69883</xdr:colOff>
      <xdr:row>23</xdr:row>
      <xdr:rowOff>133527</xdr:rowOff>
    </xdr:from>
    <xdr:to>
      <xdr:col>56</xdr:col>
      <xdr:colOff>121554</xdr:colOff>
      <xdr:row>24</xdr:row>
      <xdr:rowOff>100106</xdr:rowOff>
    </xdr:to>
    <xdr:sp macro="" textlink="">
      <xdr:nvSpPr>
        <xdr:cNvPr id="27" name="正方形/長方形 26"/>
        <xdr:cNvSpPr/>
      </xdr:nvSpPr>
      <xdr:spPr>
        <a:xfrm>
          <a:off x="8902659" y="3445126"/>
          <a:ext cx="212267" cy="110561"/>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accent4">
            <a:alpha val="20000"/>
          </a:schemeClr>
        </a:solidFill>
        <a:ln>
          <a:no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BO3"/>
  <sheetViews>
    <sheetView tabSelected="1" view="pageBreakPreview" zoomScale="172" zoomScaleNormal="100" zoomScaleSheetLayoutView="172" workbookViewId="0">
      <selection activeCell="BA25" sqref="BA25"/>
    </sheetView>
  </sheetViews>
  <sheetFormatPr defaultColWidth="2.125" defaultRowHeight="11.25" customHeight="1" x14ac:dyDescent="0.15"/>
  <sheetData>
    <row r="1" spans="2:67" ht="11.25" customHeight="1" x14ac:dyDescent="0.15">
      <c r="B1" s="3" t="s">
        <v>1</v>
      </c>
      <c r="C1" s="3"/>
      <c r="D1" s="3"/>
      <c r="E1" s="3"/>
      <c r="F1" s="3"/>
      <c r="G1" s="3"/>
      <c r="H1" s="3"/>
      <c r="I1" s="3"/>
      <c r="J1" s="3"/>
      <c r="K1" s="3"/>
      <c r="L1" s="3"/>
      <c r="M1" s="3"/>
      <c r="N1" s="3"/>
      <c r="O1" s="3"/>
      <c r="P1" s="3"/>
      <c r="Q1" s="3"/>
      <c r="R1" s="3"/>
      <c r="S1" s="3"/>
      <c r="T1" s="3"/>
      <c r="U1" s="3"/>
      <c r="V1" s="3"/>
      <c r="W1" s="3"/>
      <c r="X1" s="3"/>
      <c r="Y1" s="3"/>
      <c r="Z1" s="3"/>
      <c r="AA1" s="3"/>
      <c r="AB1" s="3"/>
      <c r="AC1" s="3"/>
      <c r="AD1" s="3"/>
      <c r="AE1" s="3"/>
      <c r="AF1" s="3"/>
      <c r="AG1" s="3"/>
      <c r="BB1" s="1" t="s">
        <v>0</v>
      </c>
      <c r="BC1" s="2"/>
      <c r="BD1" s="2"/>
      <c r="BE1" s="2"/>
      <c r="BF1" s="2"/>
      <c r="BG1" s="2"/>
      <c r="BH1" s="2"/>
      <c r="BI1" s="2"/>
      <c r="BJ1" s="2"/>
      <c r="BK1" s="2"/>
      <c r="BL1" s="2"/>
      <c r="BM1" s="2"/>
      <c r="BN1" s="2"/>
      <c r="BO1" s="2"/>
    </row>
    <row r="2" spans="2:67" ht="11.25" customHeight="1" x14ac:dyDescent="0.15">
      <c r="B2" s="3"/>
      <c r="C2" s="3"/>
      <c r="D2" s="3"/>
      <c r="E2" s="3"/>
      <c r="F2" s="3"/>
      <c r="G2" s="3"/>
      <c r="H2" s="3"/>
      <c r="I2" s="3"/>
      <c r="J2" s="3"/>
      <c r="K2" s="3"/>
      <c r="L2" s="3"/>
      <c r="M2" s="3"/>
      <c r="N2" s="3"/>
      <c r="O2" s="3"/>
      <c r="P2" s="3"/>
      <c r="Q2" s="3"/>
      <c r="R2" s="3"/>
      <c r="S2" s="3"/>
      <c r="T2" s="3"/>
      <c r="U2" s="3"/>
      <c r="V2" s="3"/>
      <c r="W2" s="3"/>
      <c r="X2" s="3"/>
      <c r="Y2" s="3"/>
      <c r="Z2" s="3"/>
      <c r="AA2" s="3"/>
      <c r="AB2" s="3"/>
      <c r="AC2" s="3"/>
      <c r="AD2" s="3"/>
      <c r="AE2" s="3"/>
      <c r="AF2" s="3"/>
      <c r="AG2" s="3"/>
      <c r="BB2" s="2"/>
      <c r="BC2" s="2"/>
      <c r="BD2" s="2"/>
      <c r="BE2" s="2"/>
      <c r="BF2" s="2"/>
      <c r="BG2" s="2"/>
      <c r="BH2" s="2"/>
      <c r="BI2" s="2"/>
      <c r="BJ2" s="2"/>
      <c r="BK2" s="2"/>
      <c r="BL2" s="2"/>
      <c r="BM2" s="2"/>
      <c r="BN2" s="2"/>
      <c r="BO2" s="2"/>
    </row>
    <row r="3" spans="2:67" ht="11.25" customHeight="1" x14ac:dyDescent="0.15">
      <c r="B3" s="3"/>
      <c r="C3" s="3"/>
      <c r="D3" s="3"/>
      <c r="E3" s="3"/>
      <c r="F3" s="3"/>
      <c r="G3" s="3"/>
      <c r="H3" s="3"/>
      <c r="I3" s="3"/>
      <c r="J3" s="3"/>
      <c r="K3" s="3"/>
      <c r="L3" s="3"/>
      <c r="M3" s="3"/>
      <c r="N3" s="3"/>
      <c r="O3" s="3"/>
      <c r="P3" s="3"/>
      <c r="Q3" s="3"/>
      <c r="R3" s="3"/>
      <c r="S3" s="3"/>
      <c r="T3" s="3"/>
      <c r="U3" s="3"/>
      <c r="V3" s="3"/>
      <c r="W3" s="3"/>
      <c r="X3" s="3"/>
      <c r="Y3" s="3"/>
      <c r="Z3" s="3"/>
      <c r="AA3" s="3"/>
      <c r="AB3" s="3"/>
      <c r="AC3" s="3"/>
      <c r="AD3" s="3"/>
      <c r="AE3" s="3"/>
      <c r="AF3" s="3"/>
      <c r="AG3" s="3"/>
      <c r="BB3" s="2"/>
      <c r="BC3" s="2"/>
      <c r="BD3" s="2"/>
      <c r="BE3" s="2"/>
      <c r="BF3" s="2"/>
      <c r="BG3" s="2"/>
      <c r="BH3" s="2"/>
      <c r="BI3" s="2"/>
      <c r="BJ3" s="2"/>
      <c r="BK3" s="2"/>
      <c r="BL3" s="2"/>
      <c r="BM3" s="2"/>
      <c r="BN3" s="2"/>
      <c r="BO3" s="2"/>
    </row>
  </sheetData>
  <mergeCells count="2">
    <mergeCell ref="BB1:BO3"/>
    <mergeCell ref="B1:AG3"/>
  </mergeCells>
  <phoneticPr fontId="1"/>
  <pageMargins left="0.25" right="0.25" top="0.75" bottom="0.75" header="0.3" footer="0.3"/>
  <pageSetup paperSize="9"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富山市</dc:creator>
  <cp:lastModifiedBy>松下　晃三</cp:lastModifiedBy>
  <cp:lastPrinted>2024-01-26T00:53:40Z</cp:lastPrinted>
  <dcterms:created xsi:type="dcterms:W3CDTF">2020-09-16T11:08:09Z</dcterms:created>
  <dcterms:modified xsi:type="dcterms:W3CDTF">2024-01-26T00:54:17Z</dcterms:modified>
</cp:coreProperties>
</file>